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2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8" r:id="rId1"/>
    <p:sldMasterId id="2147483714" r:id="rId2"/>
  </p:sldMasterIdLst>
  <p:notesMasterIdLst>
    <p:notesMasterId r:id="rId39"/>
  </p:notesMasterIdLst>
  <p:sldIdLst>
    <p:sldId id="256" r:id="rId3"/>
    <p:sldId id="307" r:id="rId4"/>
    <p:sldId id="279" r:id="rId5"/>
    <p:sldId id="315" r:id="rId6"/>
    <p:sldId id="314" r:id="rId7"/>
    <p:sldId id="316" r:id="rId8"/>
    <p:sldId id="317" r:id="rId9"/>
    <p:sldId id="318" r:id="rId10"/>
    <p:sldId id="319" r:id="rId11"/>
    <p:sldId id="320" r:id="rId12"/>
    <p:sldId id="321" r:id="rId13"/>
    <p:sldId id="322" r:id="rId14"/>
    <p:sldId id="327" r:id="rId15"/>
    <p:sldId id="334" r:id="rId16"/>
    <p:sldId id="285" r:id="rId17"/>
    <p:sldId id="268" r:id="rId18"/>
    <p:sldId id="278" r:id="rId19"/>
    <p:sldId id="313" r:id="rId20"/>
    <p:sldId id="323" r:id="rId21"/>
    <p:sldId id="325" r:id="rId22"/>
    <p:sldId id="324" r:id="rId23"/>
    <p:sldId id="281" r:id="rId24"/>
    <p:sldId id="310" r:id="rId25"/>
    <p:sldId id="306" r:id="rId26"/>
    <p:sldId id="337" r:id="rId27"/>
    <p:sldId id="287" r:id="rId28"/>
    <p:sldId id="288" r:id="rId29"/>
    <p:sldId id="270" r:id="rId30"/>
    <p:sldId id="289" r:id="rId31"/>
    <p:sldId id="328" r:id="rId32"/>
    <p:sldId id="290" r:id="rId33"/>
    <p:sldId id="311" r:id="rId34"/>
    <p:sldId id="276" r:id="rId35"/>
    <p:sldId id="265" r:id="rId36"/>
    <p:sldId id="326" r:id="rId37"/>
    <p:sldId id="274" r:id="rId38"/>
  </p:sldIdLst>
  <p:sldSz cx="12192000" cy="6858000"/>
  <p:notesSz cx="6889750" cy="10021888"/>
  <p:defaultTextStyle>
    <a:defPPr>
      <a:defRPr lang="nl-B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roene Liesbeth" initials="CL" lastIdx="2" clrIdx="0">
    <p:extLst>
      <p:ext uri="{19B8F6BF-5375-455C-9EA6-DF929625EA0E}">
        <p15:presenceInfo xmlns:p15="http://schemas.microsoft.com/office/powerpoint/2012/main" userId="S-1-5-21-3662605696-431538287-2476864782-19560" providerId="AD"/>
      </p:ext>
    </p:extLst>
  </p:cmAuthor>
  <p:cmAuthor id="2" name="Croene Liesbeth" initials="CL [2]" lastIdx="3" clrIdx="1">
    <p:extLst>
      <p:ext uri="{19B8F6BF-5375-455C-9EA6-DF929625EA0E}">
        <p15:presenceInfo xmlns:p15="http://schemas.microsoft.com/office/powerpoint/2012/main" userId="S::liesbeth.croene@ond.vlaanderen.be::d795c5fa-3907-4746-bbc0-1bd04c1c9b9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FEFEF"/>
    <a:srgbClr val="C0C0C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D2F4F69-306F-4C71-B320-AABC72C7BD3F}" v="108" dt="2024-01-26T16:44:49.593"/>
  </p1510:revLst>
</p1510:revInfo>
</file>

<file path=ppt/tableStyles.xml><?xml version="1.0" encoding="utf-8"?>
<a:tblStyleLst xmlns:a="http://schemas.openxmlformats.org/drawingml/2006/main" def="{5C22544A-7EE6-4342-B048-85BDC9FD1C3A}">
  <a:tblStyle styleId="{0E3FDE45-AF77-4B5C-9715-49D594BDF05E}" styleName="Stijl, licht 1 - Accent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3B4B98B0-60AC-42C2-AFA5-B58CD77FA1E5}" styleName="Stijl, licht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108" d="100"/>
          <a:sy n="108" d="100"/>
        </p:scale>
        <p:origin x="714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9" Type="http://schemas.openxmlformats.org/officeDocument/2006/relationships/notesMaster" Target="notesMasters/notesMaster1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slide" Target="slides/slide32.xml"/><Relationship Id="rId42" Type="http://schemas.openxmlformats.org/officeDocument/2006/relationships/viewProps" Target="viewProp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slide" Target="slides/slide31.xml"/><Relationship Id="rId38" Type="http://schemas.openxmlformats.org/officeDocument/2006/relationships/slide" Target="slides/slide36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slide" Target="slides/slide35.xml"/><Relationship Id="rId40" Type="http://schemas.openxmlformats.org/officeDocument/2006/relationships/commentAuthors" Target="commentAuthors.xml"/><Relationship Id="rId45" Type="http://schemas.microsoft.com/office/2015/10/relationships/revisionInfo" Target="revisionInfo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slide" Target="slides/slide34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4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slide" Target="slides/slide33.xml"/><Relationship Id="rId43" Type="http://schemas.openxmlformats.org/officeDocument/2006/relationships/theme" Target="theme/theme1.xml"/></Relationships>
</file>

<file path=ppt/diagrams/_rels/data8.xml.rels><?xml version="1.0" encoding="UTF-8" standalone="yes"?>
<Relationships xmlns="http://schemas.openxmlformats.org/package/2006/relationships"><Relationship Id="rId1" Type="http://schemas.openxmlformats.org/officeDocument/2006/relationships/hyperlink" Target="mailto:helpdesk-basis@naarschoolindendermonde.be" TargetMode="External"/></Relationships>
</file>

<file path=ppt/diagrams/_rels/drawing8.xml.rels><?xml version="1.0" encoding="UTF-8" standalone="yes"?>
<Relationships xmlns="http://schemas.openxmlformats.org/package/2006/relationships"><Relationship Id="rId1" Type="http://schemas.openxmlformats.org/officeDocument/2006/relationships/hyperlink" Target="mailto:helpdesk-basis@naarschoolindendermonde.be" TargetMode="Externa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63DB712-B7C4-4F81-A292-807E3746C15C}" type="doc">
      <dgm:prSet loTypeId="urn:microsoft.com/office/officeart/2005/8/layout/cycle6" loCatId="cycle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8DCC30E7-0825-45C8-BF93-BC7B55E4E418}">
      <dgm:prSet/>
      <dgm:spPr/>
      <dgm:t>
        <a:bodyPr/>
        <a:lstStyle/>
        <a:p>
          <a:r>
            <a:rPr lang="en-US" dirty="0" err="1"/>
            <a:t>Digitale</a:t>
          </a:r>
          <a:r>
            <a:rPr lang="en-US" dirty="0"/>
            <a:t> </a:t>
          </a:r>
          <a:r>
            <a:rPr lang="en-US" dirty="0" err="1"/>
            <a:t>Infoavond</a:t>
          </a:r>
          <a:r>
            <a:rPr lang="en-US" dirty="0"/>
            <a:t> </a:t>
          </a:r>
          <a:r>
            <a:rPr lang="en-US" dirty="0" err="1"/>
            <a:t>voor</a:t>
          </a:r>
          <a:r>
            <a:rPr lang="en-US" dirty="0"/>
            <a:t> </a:t>
          </a:r>
          <a:r>
            <a:rPr lang="en-US" dirty="0" err="1"/>
            <a:t>ouders</a:t>
          </a:r>
          <a:r>
            <a:rPr lang="en-US" dirty="0"/>
            <a:t> </a:t>
          </a:r>
          <a:br>
            <a:rPr lang="en-US" dirty="0"/>
          </a:br>
          <a:endParaRPr lang="en-US" dirty="0"/>
        </a:p>
      </dgm:t>
    </dgm:pt>
    <dgm:pt modelId="{8A25719E-B2C4-44AA-BA4E-1F3756D99296}" type="parTrans" cxnId="{5EE44255-21FF-4074-AC02-7CDE9916F367}">
      <dgm:prSet/>
      <dgm:spPr/>
      <dgm:t>
        <a:bodyPr/>
        <a:lstStyle/>
        <a:p>
          <a:endParaRPr lang="en-US"/>
        </a:p>
      </dgm:t>
    </dgm:pt>
    <dgm:pt modelId="{B4242A88-99EE-4FAB-BB48-15E2BC9142DE}" type="sibTrans" cxnId="{5EE44255-21FF-4074-AC02-7CDE9916F367}">
      <dgm:prSet/>
      <dgm:spPr/>
      <dgm:t>
        <a:bodyPr/>
        <a:lstStyle/>
        <a:p>
          <a:endParaRPr lang="en-US"/>
        </a:p>
      </dgm:t>
    </dgm:pt>
    <dgm:pt modelId="{F2076D0E-4EFF-468E-A259-6312A955023C}" type="pres">
      <dgm:prSet presAssocID="{C63DB712-B7C4-4F81-A292-807E3746C15C}" presName="cycle" presStyleCnt="0">
        <dgm:presLayoutVars>
          <dgm:dir/>
          <dgm:resizeHandles val="exact"/>
        </dgm:presLayoutVars>
      </dgm:prSet>
      <dgm:spPr/>
    </dgm:pt>
    <dgm:pt modelId="{D1D2331E-474D-4587-81A3-7AA40B859555}" type="pres">
      <dgm:prSet presAssocID="{8DCC30E7-0825-45C8-BF93-BC7B55E4E418}" presName="node" presStyleLbl="node1" presStyleIdx="0" presStyleCnt="1">
        <dgm:presLayoutVars>
          <dgm:bulletEnabled val="1"/>
        </dgm:presLayoutVars>
      </dgm:prSet>
      <dgm:spPr/>
    </dgm:pt>
  </dgm:ptLst>
  <dgm:cxnLst>
    <dgm:cxn modelId="{982FF546-442A-4767-8AAA-6D7D61B913CF}" type="presOf" srcId="{8DCC30E7-0825-45C8-BF93-BC7B55E4E418}" destId="{D1D2331E-474D-4587-81A3-7AA40B859555}" srcOrd="0" destOrd="0" presId="urn:microsoft.com/office/officeart/2005/8/layout/cycle6"/>
    <dgm:cxn modelId="{5EE44255-21FF-4074-AC02-7CDE9916F367}" srcId="{C63DB712-B7C4-4F81-A292-807E3746C15C}" destId="{8DCC30E7-0825-45C8-BF93-BC7B55E4E418}" srcOrd="0" destOrd="0" parTransId="{8A25719E-B2C4-44AA-BA4E-1F3756D99296}" sibTransId="{B4242A88-99EE-4FAB-BB48-15E2BC9142DE}"/>
    <dgm:cxn modelId="{6888AE59-425B-43A3-A685-8EC385023849}" type="presOf" srcId="{C63DB712-B7C4-4F81-A292-807E3746C15C}" destId="{F2076D0E-4EFF-468E-A259-6312A955023C}" srcOrd="0" destOrd="0" presId="urn:microsoft.com/office/officeart/2005/8/layout/cycle6"/>
    <dgm:cxn modelId="{FA06ECBD-E0E4-4CB3-8D4F-14352380A8ED}" type="presParOf" srcId="{F2076D0E-4EFF-468E-A259-6312A955023C}" destId="{D1D2331E-474D-4587-81A3-7AA40B859555}" srcOrd="0" destOrd="0" presId="urn:microsoft.com/office/officeart/2005/8/layout/cycle6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E27BCE7-B54D-47A5-A659-F93FB7B3E8D3}" type="doc">
      <dgm:prSet loTypeId="urn:microsoft.com/office/officeart/2005/8/layout/vList2" loCatId="list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F60BB184-06EF-4C53-90EB-A99512355914}">
      <dgm:prSet/>
      <dgm:spPr/>
      <dgm:t>
        <a:bodyPr/>
        <a:lstStyle/>
        <a:p>
          <a:r>
            <a:rPr lang="en-US" b="1" dirty="0"/>
            <a:t>Basisregel</a:t>
          </a:r>
          <a:r>
            <a:rPr lang="en-US" dirty="0"/>
            <a:t> :  </a:t>
          </a:r>
          <a:br>
            <a:rPr lang="en-US" dirty="0"/>
          </a:br>
          <a:r>
            <a:rPr lang="en-US" dirty="0"/>
            <a:t>Eerst aanmelden dan inschrijven</a:t>
          </a:r>
        </a:p>
      </dgm:t>
    </dgm:pt>
    <dgm:pt modelId="{95BCF321-6B83-4114-A0C9-8CC3F6A061AC}" type="parTrans" cxnId="{A330AA93-6C1E-4486-8104-DD7E12521CD7}">
      <dgm:prSet/>
      <dgm:spPr/>
      <dgm:t>
        <a:bodyPr/>
        <a:lstStyle/>
        <a:p>
          <a:endParaRPr lang="en-US"/>
        </a:p>
      </dgm:t>
    </dgm:pt>
    <dgm:pt modelId="{D7750D77-A462-40E2-9EF4-B01DA592522C}" type="sibTrans" cxnId="{A330AA93-6C1E-4486-8104-DD7E12521CD7}">
      <dgm:prSet/>
      <dgm:spPr/>
      <dgm:t>
        <a:bodyPr/>
        <a:lstStyle/>
        <a:p>
          <a:endParaRPr lang="en-US"/>
        </a:p>
      </dgm:t>
    </dgm:pt>
    <dgm:pt modelId="{6BE3C804-6214-468C-AAA5-CC64D39A9542}">
      <dgm:prSet/>
      <dgm:spPr/>
      <dgm:t>
        <a:bodyPr/>
        <a:lstStyle/>
        <a:p>
          <a:r>
            <a:rPr lang="en-US" dirty="0"/>
            <a:t>Aanmelden wil zeggen dat je vooraf laat weten in welke scholen je je kind wil inschrijven</a:t>
          </a:r>
        </a:p>
      </dgm:t>
    </dgm:pt>
    <dgm:pt modelId="{F445C252-DEF8-4036-9E70-469B14E044C2}" type="parTrans" cxnId="{FD434A0D-FCAC-4F63-BD94-150395A2871A}">
      <dgm:prSet/>
      <dgm:spPr/>
      <dgm:t>
        <a:bodyPr/>
        <a:lstStyle/>
        <a:p>
          <a:endParaRPr lang="en-US"/>
        </a:p>
      </dgm:t>
    </dgm:pt>
    <dgm:pt modelId="{FDF0173E-FBB5-48BF-9CC6-86322B6CB53D}" type="sibTrans" cxnId="{FD434A0D-FCAC-4F63-BD94-150395A2871A}">
      <dgm:prSet/>
      <dgm:spPr/>
      <dgm:t>
        <a:bodyPr/>
        <a:lstStyle/>
        <a:p>
          <a:endParaRPr lang="en-US"/>
        </a:p>
      </dgm:t>
    </dgm:pt>
    <dgm:pt modelId="{F35406D9-6490-4372-A49D-4049D697EE65}">
      <dgm:prSet/>
      <dgm:spPr/>
      <dgm:t>
        <a:bodyPr/>
        <a:lstStyle/>
        <a:p>
          <a:r>
            <a:rPr lang="en-US" dirty="0"/>
            <a:t>Aanmelden doe je door een formulier op de computer in te vullen</a:t>
          </a:r>
        </a:p>
      </dgm:t>
    </dgm:pt>
    <dgm:pt modelId="{D9BAB542-1E5C-4C6D-AACA-428A203C53F0}" type="parTrans" cxnId="{0BCC0BF4-9191-4370-8608-B059D23A475E}">
      <dgm:prSet/>
      <dgm:spPr/>
      <dgm:t>
        <a:bodyPr/>
        <a:lstStyle/>
        <a:p>
          <a:endParaRPr lang="en-US"/>
        </a:p>
      </dgm:t>
    </dgm:pt>
    <dgm:pt modelId="{3820D08A-C743-478E-A9CA-4242276E5F9E}" type="sibTrans" cxnId="{0BCC0BF4-9191-4370-8608-B059D23A475E}">
      <dgm:prSet/>
      <dgm:spPr/>
      <dgm:t>
        <a:bodyPr/>
        <a:lstStyle/>
        <a:p>
          <a:endParaRPr lang="en-US"/>
        </a:p>
      </dgm:t>
    </dgm:pt>
    <dgm:pt modelId="{CBC79943-B9D3-4864-87EB-03A34F36DBEB}">
      <dgm:prSet/>
      <dgm:spPr/>
      <dgm:t>
        <a:bodyPr/>
        <a:lstStyle/>
        <a:p>
          <a:r>
            <a:rPr lang="nl-BE" dirty="0"/>
            <a:t>Inschrijven gebeurt op school na de aanmelding.  Aangemelde kinderen hebben gedurende een periode voorrang op kinderen die niet aangemeld zijn.</a:t>
          </a:r>
        </a:p>
      </dgm:t>
    </dgm:pt>
    <dgm:pt modelId="{F8C4DCDD-972A-454C-B25F-D68F373535F3}" type="parTrans" cxnId="{0DCEBAD5-16CD-4C9F-97DF-C28B1AC92EC9}">
      <dgm:prSet/>
      <dgm:spPr/>
      <dgm:t>
        <a:bodyPr/>
        <a:lstStyle/>
        <a:p>
          <a:endParaRPr lang="nl-BE"/>
        </a:p>
      </dgm:t>
    </dgm:pt>
    <dgm:pt modelId="{F82FFD5E-A8D1-46CC-AA55-31CDAEE7F206}" type="sibTrans" cxnId="{0DCEBAD5-16CD-4C9F-97DF-C28B1AC92EC9}">
      <dgm:prSet/>
      <dgm:spPr/>
      <dgm:t>
        <a:bodyPr/>
        <a:lstStyle/>
        <a:p>
          <a:endParaRPr lang="nl-BE"/>
        </a:p>
      </dgm:t>
    </dgm:pt>
    <dgm:pt modelId="{3A30C22F-9982-4C35-97F2-0C392A99A9C3}" type="pres">
      <dgm:prSet presAssocID="{CE27BCE7-B54D-47A5-A659-F93FB7B3E8D3}" presName="linear" presStyleCnt="0">
        <dgm:presLayoutVars>
          <dgm:animLvl val="lvl"/>
          <dgm:resizeHandles val="exact"/>
        </dgm:presLayoutVars>
      </dgm:prSet>
      <dgm:spPr/>
    </dgm:pt>
    <dgm:pt modelId="{E93CA92E-935D-44C1-93CA-8BCA41767166}" type="pres">
      <dgm:prSet presAssocID="{F60BB184-06EF-4C53-90EB-A99512355914}" presName="parentText" presStyleLbl="node1" presStyleIdx="0" presStyleCnt="4">
        <dgm:presLayoutVars>
          <dgm:chMax val="0"/>
          <dgm:bulletEnabled val="1"/>
        </dgm:presLayoutVars>
      </dgm:prSet>
      <dgm:spPr/>
    </dgm:pt>
    <dgm:pt modelId="{3C2166CD-D326-4A8E-80EA-DB50E7C9607F}" type="pres">
      <dgm:prSet presAssocID="{D7750D77-A462-40E2-9EF4-B01DA592522C}" presName="spacer" presStyleCnt="0"/>
      <dgm:spPr/>
    </dgm:pt>
    <dgm:pt modelId="{D4CA5FEE-BD57-409E-BBCD-FAAADAF2430F}" type="pres">
      <dgm:prSet presAssocID="{6BE3C804-6214-468C-AAA5-CC64D39A9542}" presName="parentText" presStyleLbl="node1" presStyleIdx="1" presStyleCnt="4">
        <dgm:presLayoutVars>
          <dgm:chMax val="0"/>
          <dgm:bulletEnabled val="1"/>
        </dgm:presLayoutVars>
      </dgm:prSet>
      <dgm:spPr/>
    </dgm:pt>
    <dgm:pt modelId="{D57A3EC5-5892-4C68-B8F7-9372932BF2C5}" type="pres">
      <dgm:prSet presAssocID="{FDF0173E-FBB5-48BF-9CC6-86322B6CB53D}" presName="spacer" presStyleCnt="0"/>
      <dgm:spPr/>
    </dgm:pt>
    <dgm:pt modelId="{3BB1FFC3-C1D8-4933-8B3B-0523345ED471}" type="pres">
      <dgm:prSet presAssocID="{F35406D9-6490-4372-A49D-4049D697EE65}" presName="parentText" presStyleLbl="node1" presStyleIdx="2" presStyleCnt="4">
        <dgm:presLayoutVars>
          <dgm:chMax val="0"/>
          <dgm:bulletEnabled val="1"/>
        </dgm:presLayoutVars>
      </dgm:prSet>
      <dgm:spPr/>
    </dgm:pt>
    <dgm:pt modelId="{3960FD07-C9ED-4CE6-AEF8-537D2D9E1083}" type="pres">
      <dgm:prSet presAssocID="{3820D08A-C743-478E-A9CA-4242276E5F9E}" presName="spacer" presStyleCnt="0"/>
      <dgm:spPr/>
    </dgm:pt>
    <dgm:pt modelId="{2F71D9BE-D38A-4E0B-8E68-4E7A60AA2CAC}" type="pres">
      <dgm:prSet presAssocID="{CBC79943-B9D3-4864-87EB-03A34F36DBEB}" presName="parentText" presStyleLbl="node1" presStyleIdx="3" presStyleCnt="4">
        <dgm:presLayoutVars>
          <dgm:chMax val="0"/>
          <dgm:bulletEnabled val="1"/>
        </dgm:presLayoutVars>
      </dgm:prSet>
      <dgm:spPr/>
    </dgm:pt>
  </dgm:ptLst>
  <dgm:cxnLst>
    <dgm:cxn modelId="{9DDCF205-439B-47BB-9D88-CDF2407A5AF4}" type="presOf" srcId="{F60BB184-06EF-4C53-90EB-A99512355914}" destId="{E93CA92E-935D-44C1-93CA-8BCA41767166}" srcOrd="0" destOrd="0" presId="urn:microsoft.com/office/officeart/2005/8/layout/vList2"/>
    <dgm:cxn modelId="{FD434A0D-FCAC-4F63-BD94-150395A2871A}" srcId="{CE27BCE7-B54D-47A5-A659-F93FB7B3E8D3}" destId="{6BE3C804-6214-468C-AAA5-CC64D39A9542}" srcOrd="1" destOrd="0" parTransId="{F445C252-DEF8-4036-9E70-469B14E044C2}" sibTransId="{FDF0173E-FBB5-48BF-9CC6-86322B6CB53D}"/>
    <dgm:cxn modelId="{DDC24025-FA36-4140-80C7-C0A092125276}" type="presOf" srcId="{6BE3C804-6214-468C-AAA5-CC64D39A9542}" destId="{D4CA5FEE-BD57-409E-BBCD-FAAADAF2430F}" srcOrd="0" destOrd="0" presId="urn:microsoft.com/office/officeart/2005/8/layout/vList2"/>
    <dgm:cxn modelId="{ADF6F68C-7583-4DBA-A00C-776846397721}" type="presOf" srcId="{CE27BCE7-B54D-47A5-A659-F93FB7B3E8D3}" destId="{3A30C22F-9982-4C35-97F2-0C392A99A9C3}" srcOrd="0" destOrd="0" presId="urn:microsoft.com/office/officeart/2005/8/layout/vList2"/>
    <dgm:cxn modelId="{A330AA93-6C1E-4486-8104-DD7E12521CD7}" srcId="{CE27BCE7-B54D-47A5-A659-F93FB7B3E8D3}" destId="{F60BB184-06EF-4C53-90EB-A99512355914}" srcOrd="0" destOrd="0" parTransId="{95BCF321-6B83-4114-A0C9-8CC3F6A061AC}" sibTransId="{D7750D77-A462-40E2-9EF4-B01DA592522C}"/>
    <dgm:cxn modelId="{0DCEBAD5-16CD-4C9F-97DF-C28B1AC92EC9}" srcId="{CE27BCE7-B54D-47A5-A659-F93FB7B3E8D3}" destId="{CBC79943-B9D3-4864-87EB-03A34F36DBEB}" srcOrd="3" destOrd="0" parTransId="{F8C4DCDD-972A-454C-B25F-D68F373535F3}" sibTransId="{F82FFD5E-A8D1-46CC-AA55-31CDAEE7F206}"/>
    <dgm:cxn modelId="{0BCC0BF4-9191-4370-8608-B059D23A475E}" srcId="{CE27BCE7-B54D-47A5-A659-F93FB7B3E8D3}" destId="{F35406D9-6490-4372-A49D-4049D697EE65}" srcOrd="2" destOrd="0" parTransId="{D9BAB542-1E5C-4C6D-AACA-428A203C53F0}" sibTransId="{3820D08A-C743-478E-A9CA-4242276E5F9E}"/>
    <dgm:cxn modelId="{BB15D1F4-5A3D-4347-A6E5-F5BA0A2D9159}" type="presOf" srcId="{F35406D9-6490-4372-A49D-4049D697EE65}" destId="{3BB1FFC3-C1D8-4933-8B3B-0523345ED471}" srcOrd="0" destOrd="0" presId="urn:microsoft.com/office/officeart/2005/8/layout/vList2"/>
    <dgm:cxn modelId="{C37085FB-6C45-42BC-929A-9BCFA3E1073E}" type="presOf" srcId="{CBC79943-B9D3-4864-87EB-03A34F36DBEB}" destId="{2F71D9BE-D38A-4E0B-8E68-4E7A60AA2CAC}" srcOrd="0" destOrd="0" presId="urn:microsoft.com/office/officeart/2005/8/layout/vList2"/>
    <dgm:cxn modelId="{C82F2F5F-43C3-4900-A589-824E48A43908}" type="presParOf" srcId="{3A30C22F-9982-4C35-97F2-0C392A99A9C3}" destId="{E93CA92E-935D-44C1-93CA-8BCA41767166}" srcOrd="0" destOrd="0" presId="urn:microsoft.com/office/officeart/2005/8/layout/vList2"/>
    <dgm:cxn modelId="{28904960-CE0C-4E0C-8E5C-3F26A8987A64}" type="presParOf" srcId="{3A30C22F-9982-4C35-97F2-0C392A99A9C3}" destId="{3C2166CD-D326-4A8E-80EA-DB50E7C9607F}" srcOrd="1" destOrd="0" presId="urn:microsoft.com/office/officeart/2005/8/layout/vList2"/>
    <dgm:cxn modelId="{CB645E59-F51A-45DA-8111-F2EF89E426AE}" type="presParOf" srcId="{3A30C22F-9982-4C35-97F2-0C392A99A9C3}" destId="{D4CA5FEE-BD57-409E-BBCD-FAAADAF2430F}" srcOrd="2" destOrd="0" presId="urn:microsoft.com/office/officeart/2005/8/layout/vList2"/>
    <dgm:cxn modelId="{641325F1-D49C-4231-9BD0-8D0DA29B81F8}" type="presParOf" srcId="{3A30C22F-9982-4C35-97F2-0C392A99A9C3}" destId="{D57A3EC5-5892-4C68-B8F7-9372932BF2C5}" srcOrd="3" destOrd="0" presId="urn:microsoft.com/office/officeart/2005/8/layout/vList2"/>
    <dgm:cxn modelId="{A5EE887B-9E27-46B6-96EC-26AB5753A747}" type="presParOf" srcId="{3A30C22F-9982-4C35-97F2-0C392A99A9C3}" destId="{3BB1FFC3-C1D8-4933-8B3B-0523345ED471}" srcOrd="4" destOrd="0" presId="urn:microsoft.com/office/officeart/2005/8/layout/vList2"/>
    <dgm:cxn modelId="{A3C67616-1246-43F2-ADA0-D799B06EC6E9}" type="presParOf" srcId="{3A30C22F-9982-4C35-97F2-0C392A99A9C3}" destId="{3960FD07-C9ED-4CE6-AEF8-537D2D9E1083}" srcOrd="5" destOrd="0" presId="urn:microsoft.com/office/officeart/2005/8/layout/vList2"/>
    <dgm:cxn modelId="{006C721C-6D52-4D6F-A793-3DBA878C5A25}" type="presParOf" srcId="{3A30C22F-9982-4C35-97F2-0C392A99A9C3}" destId="{2F71D9BE-D38A-4E0B-8E68-4E7A60AA2CAC}" srcOrd="6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77BE7CD4-5DC0-41B0-AC2E-BAB41F4AD031}" type="doc">
      <dgm:prSet loTypeId="urn:microsoft.com/office/officeart/2008/layout/LinedList" loCatId="list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3DE310DA-3E7C-4458-9927-044B42E29B93}">
      <dgm:prSet/>
      <dgm:spPr/>
      <dgm:t>
        <a:bodyPr/>
        <a:lstStyle/>
        <a:p>
          <a:r>
            <a:rPr lang="nl-BE"/>
            <a:t>Scholen bepalen </a:t>
          </a:r>
          <a:r>
            <a:rPr lang="nl-BE" b="1"/>
            <a:t>capaciteit</a:t>
          </a:r>
          <a:r>
            <a:rPr lang="nl-BE"/>
            <a:t> = </a:t>
          </a:r>
          <a:br>
            <a:rPr lang="nl-BE"/>
          </a:br>
          <a:r>
            <a:rPr lang="nl-BE"/>
            <a:t>maximum aantal kinderen dat een schoolbestuur </a:t>
          </a:r>
          <a:br>
            <a:rPr lang="nl-BE"/>
          </a:br>
          <a:r>
            <a:rPr lang="nl-BE"/>
            <a:t>per geboortejaar en leerjaar vastlegt</a:t>
          </a:r>
          <a:endParaRPr lang="en-US"/>
        </a:p>
      </dgm:t>
    </dgm:pt>
    <dgm:pt modelId="{621D818E-5C92-40D0-96BB-4532B345879F}" type="parTrans" cxnId="{6B807BFA-12FA-4FC8-9986-909C89E1290C}">
      <dgm:prSet/>
      <dgm:spPr/>
      <dgm:t>
        <a:bodyPr/>
        <a:lstStyle/>
        <a:p>
          <a:endParaRPr lang="en-US"/>
        </a:p>
      </dgm:t>
    </dgm:pt>
    <dgm:pt modelId="{192507FB-11BC-4D06-97F3-857884139F47}" type="sibTrans" cxnId="{6B807BFA-12FA-4FC8-9986-909C89E1290C}">
      <dgm:prSet/>
      <dgm:spPr/>
      <dgm:t>
        <a:bodyPr/>
        <a:lstStyle/>
        <a:p>
          <a:endParaRPr lang="en-US"/>
        </a:p>
      </dgm:t>
    </dgm:pt>
    <dgm:pt modelId="{9900D172-0AD4-41C5-BC32-E9D3454232F5}">
      <dgm:prSet/>
      <dgm:spPr/>
      <dgm:t>
        <a:bodyPr/>
        <a:lstStyle/>
        <a:p>
          <a:r>
            <a:rPr lang="nl-BE" dirty="0"/>
            <a:t>Criteria : </a:t>
          </a:r>
        </a:p>
        <a:p>
          <a:r>
            <a:rPr lang="nl-BE" dirty="0"/>
            <a:t>- Pedagogisch comfort (hoeveel kinderen per klas is ideaal om te leren)</a:t>
          </a:r>
        </a:p>
        <a:p>
          <a:r>
            <a:rPr lang="nl-BE" dirty="0"/>
            <a:t>- Fysieke capaciteit (welke infrastructuur is er ter beschikking)</a:t>
          </a:r>
        </a:p>
        <a:p>
          <a:endParaRPr lang="nl-BE" dirty="0"/>
        </a:p>
      </dgm:t>
    </dgm:pt>
    <dgm:pt modelId="{4C7D4C5B-2ABE-49E7-B2CE-370C518EAEC2}" type="parTrans" cxnId="{E398E1BA-1073-4BA3-AAEE-E2B74602F265}">
      <dgm:prSet/>
      <dgm:spPr/>
      <dgm:t>
        <a:bodyPr/>
        <a:lstStyle/>
        <a:p>
          <a:endParaRPr lang="nl-BE"/>
        </a:p>
      </dgm:t>
    </dgm:pt>
    <dgm:pt modelId="{E6BD57C3-F8C2-40C1-83EA-18AC45F40A30}" type="sibTrans" cxnId="{E398E1BA-1073-4BA3-AAEE-E2B74602F265}">
      <dgm:prSet/>
      <dgm:spPr/>
      <dgm:t>
        <a:bodyPr/>
        <a:lstStyle/>
        <a:p>
          <a:endParaRPr lang="nl-BE"/>
        </a:p>
      </dgm:t>
    </dgm:pt>
    <dgm:pt modelId="{B955A630-3DB8-4E76-8E8E-F94234C44024}">
      <dgm:prSet/>
      <dgm:spPr/>
      <dgm:t>
        <a:bodyPr/>
        <a:lstStyle/>
        <a:p>
          <a:r>
            <a:rPr lang="nl-BE" dirty="0"/>
            <a:t>Vrije plaatsen : </a:t>
          </a:r>
        </a:p>
        <a:p>
          <a:r>
            <a:rPr lang="nl-BE" dirty="0"/>
            <a:t>Geboortejaar 2022 : = totale capaciteit is nog vrij</a:t>
          </a:r>
        </a:p>
        <a:p>
          <a:r>
            <a:rPr lang="nl-BE" dirty="0"/>
            <a:t>Andere geboortejaren en leerjaren : maximum capaciteit – ingeschreven leerlingen</a:t>
          </a:r>
        </a:p>
      </dgm:t>
    </dgm:pt>
    <dgm:pt modelId="{C2D1D657-8200-4CE0-B755-F38CA8723B7F}" type="parTrans" cxnId="{0745BFB4-825B-45AF-AD03-F6C5511A6DDC}">
      <dgm:prSet/>
      <dgm:spPr/>
    </dgm:pt>
    <dgm:pt modelId="{37163B95-9A73-4CF1-ACB0-9CAB0663725E}" type="sibTrans" cxnId="{0745BFB4-825B-45AF-AD03-F6C5511A6DDC}">
      <dgm:prSet/>
      <dgm:spPr/>
    </dgm:pt>
    <dgm:pt modelId="{F8A3AD93-56C8-4BB9-A156-BE9175AF69E4}" type="pres">
      <dgm:prSet presAssocID="{77BE7CD4-5DC0-41B0-AC2E-BAB41F4AD031}" presName="vert0" presStyleCnt="0">
        <dgm:presLayoutVars>
          <dgm:dir/>
          <dgm:animOne val="branch"/>
          <dgm:animLvl val="lvl"/>
        </dgm:presLayoutVars>
      </dgm:prSet>
      <dgm:spPr/>
    </dgm:pt>
    <dgm:pt modelId="{975AE4BC-657C-4689-BD01-0FBBCC992E31}" type="pres">
      <dgm:prSet presAssocID="{3DE310DA-3E7C-4458-9927-044B42E29B93}" presName="thickLine" presStyleLbl="alignNode1" presStyleIdx="0" presStyleCnt="3"/>
      <dgm:spPr/>
    </dgm:pt>
    <dgm:pt modelId="{6DDC33EA-E29B-4AAB-A239-CD8CE881D998}" type="pres">
      <dgm:prSet presAssocID="{3DE310DA-3E7C-4458-9927-044B42E29B93}" presName="horz1" presStyleCnt="0"/>
      <dgm:spPr/>
    </dgm:pt>
    <dgm:pt modelId="{F9B0AF7D-8365-4B25-ABC6-463C25FB9529}" type="pres">
      <dgm:prSet presAssocID="{3DE310DA-3E7C-4458-9927-044B42E29B93}" presName="tx1" presStyleLbl="revTx" presStyleIdx="0" presStyleCnt="3"/>
      <dgm:spPr/>
    </dgm:pt>
    <dgm:pt modelId="{7A945E4B-8530-4B04-A3A8-45D146600497}" type="pres">
      <dgm:prSet presAssocID="{3DE310DA-3E7C-4458-9927-044B42E29B93}" presName="vert1" presStyleCnt="0"/>
      <dgm:spPr/>
    </dgm:pt>
    <dgm:pt modelId="{B3DF7C5E-48FC-4177-9757-366170659EDE}" type="pres">
      <dgm:prSet presAssocID="{9900D172-0AD4-41C5-BC32-E9D3454232F5}" presName="thickLine" presStyleLbl="alignNode1" presStyleIdx="1" presStyleCnt="3"/>
      <dgm:spPr/>
    </dgm:pt>
    <dgm:pt modelId="{EED74BFD-229E-4592-BDF6-474CBF26C3A2}" type="pres">
      <dgm:prSet presAssocID="{9900D172-0AD4-41C5-BC32-E9D3454232F5}" presName="horz1" presStyleCnt="0"/>
      <dgm:spPr/>
    </dgm:pt>
    <dgm:pt modelId="{45DB8FB7-02D2-4122-A887-09C0AA6C7DBB}" type="pres">
      <dgm:prSet presAssocID="{9900D172-0AD4-41C5-BC32-E9D3454232F5}" presName="tx1" presStyleLbl="revTx" presStyleIdx="1" presStyleCnt="3"/>
      <dgm:spPr/>
    </dgm:pt>
    <dgm:pt modelId="{49B7845D-65C2-4BD8-B659-B6D077F3C919}" type="pres">
      <dgm:prSet presAssocID="{9900D172-0AD4-41C5-BC32-E9D3454232F5}" presName="vert1" presStyleCnt="0"/>
      <dgm:spPr/>
    </dgm:pt>
    <dgm:pt modelId="{2F51192D-15AA-4191-81E7-BA5F64D49844}" type="pres">
      <dgm:prSet presAssocID="{B955A630-3DB8-4E76-8E8E-F94234C44024}" presName="thickLine" presStyleLbl="alignNode1" presStyleIdx="2" presStyleCnt="3"/>
      <dgm:spPr/>
    </dgm:pt>
    <dgm:pt modelId="{E9D9A6CE-7341-4D2F-8668-7704628331B4}" type="pres">
      <dgm:prSet presAssocID="{B955A630-3DB8-4E76-8E8E-F94234C44024}" presName="horz1" presStyleCnt="0"/>
      <dgm:spPr/>
    </dgm:pt>
    <dgm:pt modelId="{F420DFBA-695A-4774-811D-17FE0AC515BB}" type="pres">
      <dgm:prSet presAssocID="{B955A630-3DB8-4E76-8E8E-F94234C44024}" presName="tx1" presStyleLbl="revTx" presStyleIdx="2" presStyleCnt="3"/>
      <dgm:spPr/>
    </dgm:pt>
    <dgm:pt modelId="{2BE64EE7-7115-4F7B-9899-64C34663EA4F}" type="pres">
      <dgm:prSet presAssocID="{B955A630-3DB8-4E76-8E8E-F94234C44024}" presName="vert1" presStyleCnt="0"/>
      <dgm:spPr/>
    </dgm:pt>
  </dgm:ptLst>
  <dgm:cxnLst>
    <dgm:cxn modelId="{C94C7183-56AA-4420-AEBE-B935E99F7718}" type="presOf" srcId="{3DE310DA-3E7C-4458-9927-044B42E29B93}" destId="{F9B0AF7D-8365-4B25-ABC6-463C25FB9529}" srcOrd="0" destOrd="0" presId="urn:microsoft.com/office/officeart/2008/layout/LinedList"/>
    <dgm:cxn modelId="{0745BFB4-825B-45AF-AD03-F6C5511A6DDC}" srcId="{77BE7CD4-5DC0-41B0-AC2E-BAB41F4AD031}" destId="{B955A630-3DB8-4E76-8E8E-F94234C44024}" srcOrd="2" destOrd="0" parTransId="{C2D1D657-8200-4CE0-B755-F38CA8723B7F}" sibTransId="{37163B95-9A73-4CF1-ACB0-9CAB0663725E}"/>
    <dgm:cxn modelId="{E398E1BA-1073-4BA3-AAEE-E2B74602F265}" srcId="{77BE7CD4-5DC0-41B0-AC2E-BAB41F4AD031}" destId="{9900D172-0AD4-41C5-BC32-E9D3454232F5}" srcOrd="1" destOrd="0" parTransId="{4C7D4C5B-2ABE-49E7-B2CE-370C518EAEC2}" sibTransId="{E6BD57C3-F8C2-40C1-83EA-18AC45F40A30}"/>
    <dgm:cxn modelId="{882A2CC8-1E6E-4AC7-B0E6-819B0F28CF26}" type="presOf" srcId="{B955A630-3DB8-4E76-8E8E-F94234C44024}" destId="{F420DFBA-695A-4774-811D-17FE0AC515BB}" srcOrd="0" destOrd="0" presId="urn:microsoft.com/office/officeart/2008/layout/LinedList"/>
    <dgm:cxn modelId="{80CC6DCF-FC73-4B98-BA42-18DDA9FADC23}" type="presOf" srcId="{77BE7CD4-5DC0-41B0-AC2E-BAB41F4AD031}" destId="{F8A3AD93-56C8-4BB9-A156-BE9175AF69E4}" srcOrd="0" destOrd="0" presId="urn:microsoft.com/office/officeart/2008/layout/LinedList"/>
    <dgm:cxn modelId="{6B807BFA-12FA-4FC8-9986-909C89E1290C}" srcId="{77BE7CD4-5DC0-41B0-AC2E-BAB41F4AD031}" destId="{3DE310DA-3E7C-4458-9927-044B42E29B93}" srcOrd="0" destOrd="0" parTransId="{621D818E-5C92-40D0-96BB-4532B345879F}" sibTransId="{192507FB-11BC-4D06-97F3-857884139F47}"/>
    <dgm:cxn modelId="{C99341FF-E3BB-48B4-B8C3-3B296F1900E8}" type="presOf" srcId="{9900D172-0AD4-41C5-BC32-E9D3454232F5}" destId="{45DB8FB7-02D2-4122-A887-09C0AA6C7DBB}" srcOrd="0" destOrd="0" presId="urn:microsoft.com/office/officeart/2008/layout/LinedList"/>
    <dgm:cxn modelId="{3E673665-BDE5-407C-BCB5-81BA1023DA7F}" type="presParOf" srcId="{F8A3AD93-56C8-4BB9-A156-BE9175AF69E4}" destId="{975AE4BC-657C-4689-BD01-0FBBCC992E31}" srcOrd="0" destOrd="0" presId="urn:microsoft.com/office/officeart/2008/layout/LinedList"/>
    <dgm:cxn modelId="{3FF2E388-C1F3-4576-B439-A86B2A53C3D3}" type="presParOf" srcId="{F8A3AD93-56C8-4BB9-A156-BE9175AF69E4}" destId="{6DDC33EA-E29B-4AAB-A239-CD8CE881D998}" srcOrd="1" destOrd="0" presId="urn:microsoft.com/office/officeart/2008/layout/LinedList"/>
    <dgm:cxn modelId="{5EC23524-9161-4805-9681-1882524ED580}" type="presParOf" srcId="{6DDC33EA-E29B-4AAB-A239-CD8CE881D998}" destId="{F9B0AF7D-8365-4B25-ABC6-463C25FB9529}" srcOrd="0" destOrd="0" presId="urn:microsoft.com/office/officeart/2008/layout/LinedList"/>
    <dgm:cxn modelId="{6BC09E59-6B6E-490A-9159-EB80D10C524B}" type="presParOf" srcId="{6DDC33EA-E29B-4AAB-A239-CD8CE881D998}" destId="{7A945E4B-8530-4B04-A3A8-45D146600497}" srcOrd="1" destOrd="0" presId="urn:microsoft.com/office/officeart/2008/layout/LinedList"/>
    <dgm:cxn modelId="{DA20FF27-2DC8-4CAA-BAA8-7023128E99A3}" type="presParOf" srcId="{F8A3AD93-56C8-4BB9-A156-BE9175AF69E4}" destId="{B3DF7C5E-48FC-4177-9757-366170659EDE}" srcOrd="2" destOrd="0" presId="urn:microsoft.com/office/officeart/2008/layout/LinedList"/>
    <dgm:cxn modelId="{4A4C0CA4-8814-4BD6-A63F-5DC8575AA91A}" type="presParOf" srcId="{F8A3AD93-56C8-4BB9-A156-BE9175AF69E4}" destId="{EED74BFD-229E-4592-BDF6-474CBF26C3A2}" srcOrd="3" destOrd="0" presId="urn:microsoft.com/office/officeart/2008/layout/LinedList"/>
    <dgm:cxn modelId="{B9ACE5B6-859B-4266-9224-465FEACEF058}" type="presParOf" srcId="{EED74BFD-229E-4592-BDF6-474CBF26C3A2}" destId="{45DB8FB7-02D2-4122-A887-09C0AA6C7DBB}" srcOrd="0" destOrd="0" presId="urn:microsoft.com/office/officeart/2008/layout/LinedList"/>
    <dgm:cxn modelId="{2B141518-74F5-4E2B-8B97-A614468C5F8B}" type="presParOf" srcId="{EED74BFD-229E-4592-BDF6-474CBF26C3A2}" destId="{49B7845D-65C2-4BD8-B659-B6D077F3C919}" srcOrd="1" destOrd="0" presId="urn:microsoft.com/office/officeart/2008/layout/LinedList"/>
    <dgm:cxn modelId="{A948F501-66B4-48B4-A8EE-796887F77149}" type="presParOf" srcId="{F8A3AD93-56C8-4BB9-A156-BE9175AF69E4}" destId="{2F51192D-15AA-4191-81E7-BA5F64D49844}" srcOrd="4" destOrd="0" presId="urn:microsoft.com/office/officeart/2008/layout/LinedList"/>
    <dgm:cxn modelId="{F99D84E2-F807-4FB3-85E8-C1DD12A5A589}" type="presParOf" srcId="{F8A3AD93-56C8-4BB9-A156-BE9175AF69E4}" destId="{E9D9A6CE-7341-4D2F-8668-7704628331B4}" srcOrd="5" destOrd="0" presId="urn:microsoft.com/office/officeart/2008/layout/LinedList"/>
    <dgm:cxn modelId="{8BA0C1E6-EA97-4E1F-8013-28670D96068A}" type="presParOf" srcId="{E9D9A6CE-7341-4D2F-8668-7704628331B4}" destId="{F420DFBA-695A-4774-811D-17FE0AC515BB}" srcOrd="0" destOrd="0" presId="urn:microsoft.com/office/officeart/2008/layout/LinedList"/>
    <dgm:cxn modelId="{78929BB1-E99A-44E7-8239-6C29AED576BF}" type="presParOf" srcId="{E9D9A6CE-7341-4D2F-8668-7704628331B4}" destId="{2BE64EE7-7115-4F7B-9899-64C34663EA4F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C5FF258C-6222-43EC-94FC-C87A4BD03A5A}" type="doc">
      <dgm:prSet loTypeId="urn:microsoft.com/office/officeart/2005/8/layout/vList5" loCatId="list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8C741B00-D1EC-4BA1-BC64-26A9986C89F7}">
      <dgm:prSet/>
      <dgm:spPr/>
      <dgm:t>
        <a:bodyPr/>
        <a:lstStyle/>
        <a:p>
          <a:r>
            <a:rPr lang="nl-BE" b="1" dirty="0"/>
            <a:t>Alle kinderen hebben recht op een school naar keuze</a:t>
          </a:r>
          <a:endParaRPr lang="en-US" b="1" dirty="0"/>
        </a:p>
      </dgm:t>
    </dgm:pt>
    <dgm:pt modelId="{3518D421-3DEE-4F64-9C17-28D49DFED540}" type="parTrans" cxnId="{5B220738-A73A-4D57-BA21-19031B39C7E8}">
      <dgm:prSet/>
      <dgm:spPr/>
      <dgm:t>
        <a:bodyPr/>
        <a:lstStyle/>
        <a:p>
          <a:endParaRPr lang="en-US"/>
        </a:p>
      </dgm:t>
    </dgm:pt>
    <dgm:pt modelId="{E81D1716-1498-4F5A-BFE1-06E3499ABB11}" type="sibTrans" cxnId="{5B220738-A73A-4D57-BA21-19031B39C7E8}">
      <dgm:prSet/>
      <dgm:spPr/>
      <dgm:t>
        <a:bodyPr/>
        <a:lstStyle/>
        <a:p>
          <a:endParaRPr lang="en-US"/>
        </a:p>
      </dgm:t>
    </dgm:pt>
    <dgm:pt modelId="{14E320AB-2218-4C7D-A034-28E67B059A82}">
      <dgm:prSet/>
      <dgm:spPr/>
      <dgm:t>
        <a:bodyPr/>
        <a:lstStyle/>
        <a:p>
          <a:r>
            <a:rPr lang="nl-BE" dirty="0"/>
            <a:t>Bij voldoende </a:t>
          </a:r>
          <a:br>
            <a:rPr lang="nl-BE" dirty="0"/>
          </a:br>
          <a:r>
            <a:rPr lang="nl-BE" dirty="0"/>
            <a:t>plaats : </a:t>
          </a:r>
          <a:endParaRPr lang="en-US" dirty="0"/>
        </a:p>
      </dgm:t>
    </dgm:pt>
    <dgm:pt modelId="{AFCEE77C-8A4C-4810-B918-946590861D84}" type="parTrans" cxnId="{BCB31E48-46EB-4094-A5CC-FEF061B8AD4B}">
      <dgm:prSet/>
      <dgm:spPr/>
      <dgm:t>
        <a:bodyPr/>
        <a:lstStyle/>
        <a:p>
          <a:endParaRPr lang="en-US"/>
        </a:p>
      </dgm:t>
    </dgm:pt>
    <dgm:pt modelId="{2049BFCC-ECD0-4AAF-99BB-2AD2374D7404}" type="sibTrans" cxnId="{BCB31E48-46EB-4094-A5CC-FEF061B8AD4B}">
      <dgm:prSet/>
      <dgm:spPr/>
      <dgm:t>
        <a:bodyPr/>
        <a:lstStyle/>
        <a:p>
          <a:endParaRPr lang="en-US"/>
        </a:p>
      </dgm:t>
    </dgm:pt>
    <dgm:pt modelId="{8019F2B8-7358-40C8-878F-0A808EAEB4BA}">
      <dgm:prSet/>
      <dgm:spPr/>
      <dgm:t>
        <a:bodyPr/>
        <a:lstStyle/>
        <a:p>
          <a:r>
            <a:rPr lang="nl-BE" b="1"/>
            <a:t>Je kindje kan  schoollopen in de school van 1</a:t>
          </a:r>
          <a:r>
            <a:rPr lang="nl-BE" b="1" baseline="30000"/>
            <a:t>ste</a:t>
          </a:r>
          <a:r>
            <a:rPr lang="nl-BE" b="1"/>
            <a:t> keuze</a:t>
          </a:r>
          <a:endParaRPr lang="en-US" b="1"/>
        </a:p>
      </dgm:t>
    </dgm:pt>
    <dgm:pt modelId="{F4FE449A-B986-4F14-BDD6-F41A1A2DB2B6}" type="parTrans" cxnId="{A4D849C0-4176-47E4-827E-EB23CAA89E11}">
      <dgm:prSet/>
      <dgm:spPr/>
      <dgm:t>
        <a:bodyPr/>
        <a:lstStyle/>
        <a:p>
          <a:endParaRPr lang="en-US"/>
        </a:p>
      </dgm:t>
    </dgm:pt>
    <dgm:pt modelId="{6E74BB1C-D28F-4ABC-B710-DB90F7EB881F}" type="sibTrans" cxnId="{A4D849C0-4176-47E4-827E-EB23CAA89E11}">
      <dgm:prSet/>
      <dgm:spPr/>
      <dgm:t>
        <a:bodyPr/>
        <a:lstStyle/>
        <a:p>
          <a:endParaRPr lang="en-US"/>
        </a:p>
      </dgm:t>
    </dgm:pt>
    <dgm:pt modelId="{2FAEC406-D4F9-4AC5-B9AB-E1B1E45D07D9}">
      <dgm:prSet/>
      <dgm:spPr/>
      <dgm:t>
        <a:bodyPr/>
        <a:lstStyle/>
        <a:p>
          <a:r>
            <a:rPr lang="nl-BE" dirty="0"/>
            <a:t>Bij onvoldoende </a:t>
          </a:r>
        </a:p>
        <a:p>
          <a:r>
            <a:rPr lang="nl-BE" dirty="0"/>
            <a:t>plaats : </a:t>
          </a:r>
          <a:endParaRPr lang="en-US" dirty="0"/>
        </a:p>
      </dgm:t>
    </dgm:pt>
    <dgm:pt modelId="{3DC25D05-C68E-4B65-8379-19EF8D643432}" type="parTrans" cxnId="{FC13F98D-42D0-47BF-ADEC-D9D63F7DB184}">
      <dgm:prSet/>
      <dgm:spPr/>
      <dgm:t>
        <a:bodyPr/>
        <a:lstStyle/>
        <a:p>
          <a:endParaRPr lang="en-US"/>
        </a:p>
      </dgm:t>
    </dgm:pt>
    <dgm:pt modelId="{EAFBF359-9799-4EE3-8BFE-0EF9331D517B}" type="sibTrans" cxnId="{FC13F98D-42D0-47BF-ADEC-D9D63F7DB184}">
      <dgm:prSet/>
      <dgm:spPr/>
      <dgm:t>
        <a:bodyPr/>
        <a:lstStyle/>
        <a:p>
          <a:endParaRPr lang="en-US"/>
        </a:p>
      </dgm:t>
    </dgm:pt>
    <dgm:pt modelId="{157BC3F4-27BD-496D-970A-C800FB101D79}">
      <dgm:prSet/>
      <dgm:spPr/>
      <dgm:t>
        <a:bodyPr/>
        <a:lstStyle/>
        <a:p>
          <a:r>
            <a:rPr lang="nl-BE" b="1"/>
            <a:t>De computer ordent volgens schoolkeuze en afstand.</a:t>
          </a:r>
          <a:endParaRPr lang="en-US" b="1"/>
        </a:p>
      </dgm:t>
    </dgm:pt>
    <dgm:pt modelId="{003CB9D2-8017-43ED-A7C3-DA64D0771AF9}" type="parTrans" cxnId="{63F87DEC-9467-4560-BF40-D0240927E57C}">
      <dgm:prSet/>
      <dgm:spPr/>
      <dgm:t>
        <a:bodyPr/>
        <a:lstStyle/>
        <a:p>
          <a:endParaRPr lang="en-US"/>
        </a:p>
      </dgm:t>
    </dgm:pt>
    <dgm:pt modelId="{A98349CC-F3DE-48EA-86E4-27325DCD4FE7}" type="sibTrans" cxnId="{63F87DEC-9467-4560-BF40-D0240927E57C}">
      <dgm:prSet/>
      <dgm:spPr/>
      <dgm:t>
        <a:bodyPr/>
        <a:lstStyle/>
        <a:p>
          <a:endParaRPr lang="en-US"/>
        </a:p>
      </dgm:t>
    </dgm:pt>
    <dgm:pt modelId="{1487698C-8ED7-4159-B16A-098BCE7D65A7}">
      <dgm:prSet/>
      <dgm:spPr/>
      <dgm:t>
        <a:bodyPr/>
        <a:lstStyle/>
        <a:p>
          <a:r>
            <a:rPr lang="en-US" b="1"/>
            <a:t>Vrije schoolkeuze</a:t>
          </a:r>
        </a:p>
      </dgm:t>
    </dgm:pt>
    <dgm:pt modelId="{5A0A9459-4918-4101-BEA0-B1026690FCD2}" type="parTrans" cxnId="{1BB8BC0A-D236-4CB6-9238-E936EA092BE9}">
      <dgm:prSet/>
      <dgm:spPr/>
      <dgm:t>
        <a:bodyPr/>
        <a:lstStyle/>
        <a:p>
          <a:endParaRPr lang="nl-BE"/>
        </a:p>
      </dgm:t>
    </dgm:pt>
    <dgm:pt modelId="{E83F06A2-FF49-42BF-BCCA-27ABC17389B7}" type="sibTrans" cxnId="{1BB8BC0A-D236-4CB6-9238-E936EA092BE9}">
      <dgm:prSet/>
      <dgm:spPr/>
      <dgm:t>
        <a:bodyPr/>
        <a:lstStyle/>
        <a:p>
          <a:endParaRPr lang="nl-BE"/>
        </a:p>
      </dgm:t>
    </dgm:pt>
    <dgm:pt modelId="{67DBDAF3-B571-4245-ABE3-A9EFAE04384C}">
      <dgm:prSet/>
      <dgm:spPr/>
      <dgm:t>
        <a:bodyPr/>
        <a:lstStyle/>
        <a:p>
          <a:r>
            <a:rPr lang="en-US"/>
            <a:t>Afstand tussen school en domicilie/werkadres van de ouder</a:t>
          </a:r>
        </a:p>
      </dgm:t>
    </dgm:pt>
    <dgm:pt modelId="{C457E007-D089-4C38-90E5-A32BD8074294}" type="parTrans" cxnId="{7D849F45-784D-4578-8452-CF9DED27DBEA}">
      <dgm:prSet/>
      <dgm:spPr/>
      <dgm:t>
        <a:bodyPr/>
        <a:lstStyle/>
        <a:p>
          <a:endParaRPr lang="nl-BE"/>
        </a:p>
      </dgm:t>
    </dgm:pt>
    <dgm:pt modelId="{E4A93DD9-B43C-4C57-B0AF-B105B624AD74}" type="sibTrans" cxnId="{7D849F45-784D-4578-8452-CF9DED27DBEA}">
      <dgm:prSet/>
      <dgm:spPr/>
      <dgm:t>
        <a:bodyPr/>
        <a:lstStyle/>
        <a:p>
          <a:endParaRPr lang="nl-BE"/>
        </a:p>
      </dgm:t>
    </dgm:pt>
    <dgm:pt modelId="{3FFA4E08-ABAA-4553-B8C9-ABDB354AE13F}">
      <dgm:prSet/>
      <dgm:spPr/>
      <dgm:t>
        <a:bodyPr/>
        <a:lstStyle/>
        <a:p>
          <a:r>
            <a:rPr lang="nl-BE" b="1"/>
            <a:t>Je wordt gunstiger geordend in de mate dat je dichter bij de school woont of werkt.</a:t>
          </a:r>
        </a:p>
      </dgm:t>
    </dgm:pt>
    <dgm:pt modelId="{3C2F840A-7DD9-4E19-A433-1A9544442CAC}" type="parTrans" cxnId="{CBF6BF39-0C49-4C5F-8EF2-0FD13DDF6A65}">
      <dgm:prSet/>
      <dgm:spPr/>
      <dgm:t>
        <a:bodyPr/>
        <a:lstStyle/>
        <a:p>
          <a:endParaRPr lang="nl-BE"/>
        </a:p>
      </dgm:t>
    </dgm:pt>
    <dgm:pt modelId="{13801414-7A0E-4971-B86D-B7ADBE2395EC}" type="sibTrans" cxnId="{CBF6BF39-0C49-4C5F-8EF2-0FD13DDF6A65}">
      <dgm:prSet/>
      <dgm:spPr/>
      <dgm:t>
        <a:bodyPr/>
        <a:lstStyle/>
        <a:p>
          <a:endParaRPr lang="nl-BE"/>
        </a:p>
      </dgm:t>
    </dgm:pt>
    <dgm:pt modelId="{9D795F4F-BFB7-4389-BABB-BC41058662A8}" type="pres">
      <dgm:prSet presAssocID="{C5FF258C-6222-43EC-94FC-C87A4BD03A5A}" presName="Name0" presStyleCnt="0">
        <dgm:presLayoutVars>
          <dgm:dir/>
          <dgm:animLvl val="lvl"/>
          <dgm:resizeHandles val="exact"/>
        </dgm:presLayoutVars>
      </dgm:prSet>
      <dgm:spPr/>
    </dgm:pt>
    <dgm:pt modelId="{C47307DA-C167-408D-8353-796B2AAB9D41}" type="pres">
      <dgm:prSet presAssocID="{8C741B00-D1EC-4BA1-BC64-26A9986C89F7}" presName="linNode" presStyleCnt="0"/>
      <dgm:spPr/>
    </dgm:pt>
    <dgm:pt modelId="{89932927-9762-4B71-A070-68591AB06A58}" type="pres">
      <dgm:prSet presAssocID="{8C741B00-D1EC-4BA1-BC64-26A9986C89F7}" presName="parentText" presStyleLbl="node1" presStyleIdx="0" presStyleCnt="4">
        <dgm:presLayoutVars>
          <dgm:chMax val="1"/>
          <dgm:bulletEnabled val="1"/>
        </dgm:presLayoutVars>
      </dgm:prSet>
      <dgm:spPr/>
    </dgm:pt>
    <dgm:pt modelId="{AF87CC14-247B-406C-95BC-3730E40A1FF3}" type="pres">
      <dgm:prSet presAssocID="{8C741B00-D1EC-4BA1-BC64-26A9986C89F7}" presName="descendantText" presStyleLbl="alignAccFollowNode1" presStyleIdx="0" presStyleCnt="4">
        <dgm:presLayoutVars>
          <dgm:bulletEnabled val="1"/>
        </dgm:presLayoutVars>
      </dgm:prSet>
      <dgm:spPr/>
    </dgm:pt>
    <dgm:pt modelId="{89ACB374-A526-4B18-9151-D00EF033F3A2}" type="pres">
      <dgm:prSet presAssocID="{E81D1716-1498-4F5A-BFE1-06E3499ABB11}" presName="sp" presStyleCnt="0"/>
      <dgm:spPr/>
    </dgm:pt>
    <dgm:pt modelId="{33BE4D05-DA60-4CF5-A08E-99BCE7A3912E}" type="pres">
      <dgm:prSet presAssocID="{14E320AB-2218-4C7D-A034-28E67B059A82}" presName="linNode" presStyleCnt="0"/>
      <dgm:spPr/>
    </dgm:pt>
    <dgm:pt modelId="{D2DC9C9E-F1CA-479F-8A5F-2FD0BD41866A}" type="pres">
      <dgm:prSet presAssocID="{14E320AB-2218-4C7D-A034-28E67B059A82}" presName="parentText" presStyleLbl="node1" presStyleIdx="1" presStyleCnt="4">
        <dgm:presLayoutVars>
          <dgm:chMax val="1"/>
          <dgm:bulletEnabled val="1"/>
        </dgm:presLayoutVars>
      </dgm:prSet>
      <dgm:spPr/>
    </dgm:pt>
    <dgm:pt modelId="{3DC71313-28CF-4F8B-8A1A-97B766A6D2F7}" type="pres">
      <dgm:prSet presAssocID="{14E320AB-2218-4C7D-A034-28E67B059A82}" presName="descendantText" presStyleLbl="alignAccFollowNode1" presStyleIdx="1" presStyleCnt="4">
        <dgm:presLayoutVars>
          <dgm:bulletEnabled val="1"/>
        </dgm:presLayoutVars>
      </dgm:prSet>
      <dgm:spPr/>
    </dgm:pt>
    <dgm:pt modelId="{C1E09B3C-9BA0-48AC-8F0C-E48E83EEE9EB}" type="pres">
      <dgm:prSet presAssocID="{2049BFCC-ECD0-4AAF-99BB-2AD2374D7404}" presName="sp" presStyleCnt="0"/>
      <dgm:spPr/>
    </dgm:pt>
    <dgm:pt modelId="{E4617498-1CD1-4E07-837D-317129580ACE}" type="pres">
      <dgm:prSet presAssocID="{2FAEC406-D4F9-4AC5-B9AB-E1B1E45D07D9}" presName="linNode" presStyleCnt="0"/>
      <dgm:spPr/>
    </dgm:pt>
    <dgm:pt modelId="{FD892339-D5E7-400D-97EA-14FFC6DC023C}" type="pres">
      <dgm:prSet presAssocID="{2FAEC406-D4F9-4AC5-B9AB-E1B1E45D07D9}" presName="parentText" presStyleLbl="node1" presStyleIdx="2" presStyleCnt="4">
        <dgm:presLayoutVars>
          <dgm:chMax val="1"/>
          <dgm:bulletEnabled val="1"/>
        </dgm:presLayoutVars>
      </dgm:prSet>
      <dgm:spPr/>
    </dgm:pt>
    <dgm:pt modelId="{1C821AA6-ECDB-4EBE-852E-62026CA6F509}" type="pres">
      <dgm:prSet presAssocID="{2FAEC406-D4F9-4AC5-B9AB-E1B1E45D07D9}" presName="descendantText" presStyleLbl="alignAccFollowNode1" presStyleIdx="2" presStyleCnt="4">
        <dgm:presLayoutVars>
          <dgm:bulletEnabled val="1"/>
        </dgm:presLayoutVars>
      </dgm:prSet>
      <dgm:spPr/>
    </dgm:pt>
    <dgm:pt modelId="{41E1E6CA-C73A-4D87-B5A6-9131EB8C5E8F}" type="pres">
      <dgm:prSet presAssocID="{EAFBF359-9799-4EE3-8BFE-0EF9331D517B}" presName="sp" presStyleCnt="0"/>
      <dgm:spPr/>
    </dgm:pt>
    <dgm:pt modelId="{8773C0B6-2282-4D3B-9D35-C6630933DEA6}" type="pres">
      <dgm:prSet presAssocID="{67DBDAF3-B571-4245-ABE3-A9EFAE04384C}" presName="linNode" presStyleCnt="0"/>
      <dgm:spPr/>
    </dgm:pt>
    <dgm:pt modelId="{2A59129D-B745-492D-B15D-77BC3EC687F3}" type="pres">
      <dgm:prSet presAssocID="{67DBDAF3-B571-4245-ABE3-A9EFAE04384C}" presName="parentText" presStyleLbl="node1" presStyleIdx="3" presStyleCnt="4">
        <dgm:presLayoutVars>
          <dgm:chMax val="1"/>
          <dgm:bulletEnabled val="1"/>
        </dgm:presLayoutVars>
      </dgm:prSet>
      <dgm:spPr/>
    </dgm:pt>
    <dgm:pt modelId="{D728C3AB-55A3-4B27-92C7-C1335C94248F}" type="pres">
      <dgm:prSet presAssocID="{67DBDAF3-B571-4245-ABE3-A9EFAE04384C}" presName="descendantText" presStyleLbl="alignAccFollowNode1" presStyleIdx="3" presStyleCnt="4">
        <dgm:presLayoutVars>
          <dgm:bulletEnabled val="1"/>
        </dgm:presLayoutVars>
      </dgm:prSet>
      <dgm:spPr/>
    </dgm:pt>
  </dgm:ptLst>
  <dgm:cxnLst>
    <dgm:cxn modelId="{F6D66204-AC6B-4B01-908D-F89BF7EB672F}" type="presOf" srcId="{14E320AB-2218-4C7D-A034-28E67B059A82}" destId="{D2DC9C9E-F1CA-479F-8A5F-2FD0BD41866A}" srcOrd="0" destOrd="0" presId="urn:microsoft.com/office/officeart/2005/8/layout/vList5"/>
    <dgm:cxn modelId="{1BB8BC0A-D236-4CB6-9238-E936EA092BE9}" srcId="{8C741B00-D1EC-4BA1-BC64-26A9986C89F7}" destId="{1487698C-8ED7-4159-B16A-098BCE7D65A7}" srcOrd="0" destOrd="0" parTransId="{5A0A9459-4918-4101-BEA0-B1026690FCD2}" sibTransId="{E83F06A2-FF49-42BF-BCCA-27ABC17389B7}"/>
    <dgm:cxn modelId="{5B220738-A73A-4D57-BA21-19031B39C7E8}" srcId="{C5FF258C-6222-43EC-94FC-C87A4BD03A5A}" destId="{8C741B00-D1EC-4BA1-BC64-26A9986C89F7}" srcOrd="0" destOrd="0" parTransId="{3518D421-3DEE-4F64-9C17-28D49DFED540}" sibTransId="{E81D1716-1498-4F5A-BFE1-06E3499ABB11}"/>
    <dgm:cxn modelId="{CBF6BF39-0C49-4C5F-8EF2-0FD13DDF6A65}" srcId="{67DBDAF3-B571-4245-ABE3-A9EFAE04384C}" destId="{3FFA4E08-ABAA-4553-B8C9-ABDB354AE13F}" srcOrd="0" destOrd="0" parTransId="{3C2F840A-7DD9-4E19-A433-1A9544442CAC}" sibTransId="{13801414-7A0E-4971-B86D-B7ADBE2395EC}"/>
    <dgm:cxn modelId="{7D849F45-784D-4578-8452-CF9DED27DBEA}" srcId="{C5FF258C-6222-43EC-94FC-C87A4BD03A5A}" destId="{67DBDAF3-B571-4245-ABE3-A9EFAE04384C}" srcOrd="3" destOrd="0" parTransId="{C457E007-D089-4C38-90E5-A32BD8074294}" sibTransId="{E4A93DD9-B43C-4C57-B0AF-B105B624AD74}"/>
    <dgm:cxn modelId="{BCB31E48-46EB-4094-A5CC-FEF061B8AD4B}" srcId="{C5FF258C-6222-43EC-94FC-C87A4BD03A5A}" destId="{14E320AB-2218-4C7D-A034-28E67B059A82}" srcOrd="1" destOrd="0" parTransId="{AFCEE77C-8A4C-4810-B918-946590861D84}" sibTransId="{2049BFCC-ECD0-4AAF-99BB-2AD2374D7404}"/>
    <dgm:cxn modelId="{750B9E68-7C73-42E1-94DD-6529E18CEA9A}" type="presOf" srcId="{2FAEC406-D4F9-4AC5-B9AB-E1B1E45D07D9}" destId="{FD892339-D5E7-400D-97EA-14FFC6DC023C}" srcOrd="0" destOrd="0" presId="urn:microsoft.com/office/officeart/2005/8/layout/vList5"/>
    <dgm:cxn modelId="{600FDB55-011F-476B-B21A-3D237655AE8C}" type="presOf" srcId="{3FFA4E08-ABAA-4553-B8C9-ABDB354AE13F}" destId="{D728C3AB-55A3-4B27-92C7-C1335C94248F}" srcOrd="0" destOrd="0" presId="urn:microsoft.com/office/officeart/2005/8/layout/vList5"/>
    <dgm:cxn modelId="{B058AD85-201A-4D82-A4CD-1F121CDC8648}" type="presOf" srcId="{8C741B00-D1EC-4BA1-BC64-26A9986C89F7}" destId="{89932927-9762-4B71-A070-68591AB06A58}" srcOrd="0" destOrd="0" presId="urn:microsoft.com/office/officeart/2005/8/layout/vList5"/>
    <dgm:cxn modelId="{FC13F98D-42D0-47BF-ADEC-D9D63F7DB184}" srcId="{C5FF258C-6222-43EC-94FC-C87A4BD03A5A}" destId="{2FAEC406-D4F9-4AC5-B9AB-E1B1E45D07D9}" srcOrd="2" destOrd="0" parTransId="{3DC25D05-C68E-4B65-8379-19EF8D643432}" sibTransId="{EAFBF359-9799-4EE3-8BFE-0EF9331D517B}"/>
    <dgm:cxn modelId="{A4D849C0-4176-47E4-827E-EB23CAA89E11}" srcId="{14E320AB-2218-4C7D-A034-28E67B059A82}" destId="{8019F2B8-7358-40C8-878F-0A808EAEB4BA}" srcOrd="0" destOrd="0" parTransId="{F4FE449A-B986-4F14-BDD6-F41A1A2DB2B6}" sibTransId="{6E74BB1C-D28F-4ABC-B710-DB90F7EB881F}"/>
    <dgm:cxn modelId="{3EECF2D6-CF86-4A77-B2FC-812C733DBDEB}" type="presOf" srcId="{157BC3F4-27BD-496D-970A-C800FB101D79}" destId="{1C821AA6-ECDB-4EBE-852E-62026CA6F509}" srcOrd="0" destOrd="0" presId="urn:microsoft.com/office/officeart/2005/8/layout/vList5"/>
    <dgm:cxn modelId="{2111CBDF-1B12-4DFA-8AFA-6D37517F042C}" type="presOf" srcId="{8019F2B8-7358-40C8-878F-0A808EAEB4BA}" destId="{3DC71313-28CF-4F8B-8A1A-97B766A6D2F7}" srcOrd="0" destOrd="0" presId="urn:microsoft.com/office/officeart/2005/8/layout/vList5"/>
    <dgm:cxn modelId="{F2068EE1-6FC3-481A-9553-027AFCF193FF}" type="presOf" srcId="{67DBDAF3-B571-4245-ABE3-A9EFAE04384C}" destId="{2A59129D-B745-492D-B15D-77BC3EC687F3}" srcOrd="0" destOrd="0" presId="urn:microsoft.com/office/officeart/2005/8/layout/vList5"/>
    <dgm:cxn modelId="{0D88F0EB-3E5F-4B6B-8BB8-6F698C705699}" type="presOf" srcId="{1487698C-8ED7-4159-B16A-098BCE7D65A7}" destId="{AF87CC14-247B-406C-95BC-3730E40A1FF3}" srcOrd="0" destOrd="0" presId="urn:microsoft.com/office/officeart/2005/8/layout/vList5"/>
    <dgm:cxn modelId="{63F87DEC-9467-4560-BF40-D0240927E57C}" srcId="{2FAEC406-D4F9-4AC5-B9AB-E1B1E45D07D9}" destId="{157BC3F4-27BD-496D-970A-C800FB101D79}" srcOrd="0" destOrd="0" parTransId="{003CB9D2-8017-43ED-A7C3-DA64D0771AF9}" sibTransId="{A98349CC-F3DE-48EA-86E4-27325DCD4FE7}"/>
    <dgm:cxn modelId="{5BE735F3-ED41-4881-B567-262701BA2B58}" type="presOf" srcId="{C5FF258C-6222-43EC-94FC-C87A4BD03A5A}" destId="{9D795F4F-BFB7-4389-BABB-BC41058662A8}" srcOrd="0" destOrd="0" presId="urn:microsoft.com/office/officeart/2005/8/layout/vList5"/>
    <dgm:cxn modelId="{ABA6788F-63A0-40A0-A65C-44AEDA50A0A8}" type="presParOf" srcId="{9D795F4F-BFB7-4389-BABB-BC41058662A8}" destId="{C47307DA-C167-408D-8353-796B2AAB9D41}" srcOrd="0" destOrd="0" presId="urn:microsoft.com/office/officeart/2005/8/layout/vList5"/>
    <dgm:cxn modelId="{A20B72EB-0589-4E0E-8D1A-6F376C221EB4}" type="presParOf" srcId="{C47307DA-C167-408D-8353-796B2AAB9D41}" destId="{89932927-9762-4B71-A070-68591AB06A58}" srcOrd="0" destOrd="0" presId="urn:microsoft.com/office/officeart/2005/8/layout/vList5"/>
    <dgm:cxn modelId="{88CD193E-5316-4499-BD2E-DED8F267133F}" type="presParOf" srcId="{C47307DA-C167-408D-8353-796B2AAB9D41}" destId="{AF87CC14-247B-406C-95BC-3730E40A1FF3}" srcOrd="1" destOrd="0" presId="urn:microsoft.com/office/officeart/2005/8/layout/vList5"/>
    <dgm:cxn modelId="{2ADB4407-1596-4C1F-A760-0C78D5F31B55}" type="presParOf" srcId="{9D795F4F-BFB7-4389-BABB-BC41058662A8}" destId="{89ACB374-A526-4B18-9151-D00EF033F3A2}" srcOrd="1" destOrd="0" presId="urn:microsoft.com/office/officeart/2005/8/layout/vList5"/>
    <dgm:cxn modelId="{301034E0-4553-461D-9D5A-E15D17FF6844}" type="presParOf" srcId="{9D795F4F-BFB7-4389-BABB-BC41058662A8}" destId="{33BE4D05-DA60-4CF5-A08E-99BCE7A3912E}" srcOrd="2" destOrd="0" presId="urn:microsoft.com/office/officeart/2005/8/layout/vList5"/>
    <dgm:cxn modelId="{FEF2A6CC-5934-4E4D-9E59-CF2248544D95}" type="presParOf" srcId="{33BE4D05-DA60-4CF5-A08E-99BCE7A3912E}" destId="{D2DC9C9E-F1CA-479F-8A5F-2FD0BD41866A}" srcOrd="0" destOrd="0" presId="urn:microsoft.com/office/officeart/2005/8/layout/vList5"/>
    <dgm:cxn modelId="{1A73F1AB-979C-4BEA-A36E-04C487067211}" type="presParOf" srcId="{33BE4D05-DA60-4CF5-A08E-99BCE7A3912E}" destId="{3DC71313-28CF-4F8B-8A1A-97B766A6D2F7}" srcOrd="1" destOrd="0" presId="urn:microsoft.com/office/officeart/2005/8/layout/vList5"/>
    <dgm:cxn modelId="{37167F0C-2288-46F9-9162-DD46B9543640}" type="presParOf" srcId="{9D795F4F-BFB7-4389-BABB-BC41058662A8}" destId="{C1E09B3C-9BA0-48AC-8F0C-E48E83EEE9EB}" srcOrd="3" destOrd="0" presId="urn:microsoft.com/office/officeart/2005/8/layout/vList5"/>
    <dgm:cxn modelId="{9DD44329-FB3A-498E-9D15-FF56873881A6}" type="presParOf" srcId="{9D795F4F-BFB7-4389-BABB-BC41058662A8}" destId="{E4617498-1CD1-4E07-837D-317129580ACE}" srcOrd="4" destOrd="0" presId="urn:microsoft.com/office/officeart/2005/8/layout/vList5"/>
    <dgm:cxn modelId="{89826E80-D280-4D23-A26D-07E6DF0A7DB0}" type="presParOf" srcId="{E4617498-1CD1-4E07-837D-317129580ACE}" destId="{FD892339-D5E7-400D-97EA-14FFC6DC023C}" srcOrd="0" destOrd="0" presId="urn:microsoft.com/office/officeart/2005/8/layout/vList5"/>
    <dgm:cxn modelId="{386480A7-6B06-48B9-8FC2-EECF507822FF}" type="presParOf" srcId="{E4617498-1CD1-4E07-837D-317129580ACE}" destId="{1C821AA6-ECDB-4EBE-852E-62026CA6F509}" srcOrd="1" destOrd="0" presId="urn:microsoft.com/office/officeart/2005/8/layout/vList5"/>
    <dgm:cxn modelId="{6F17EE30-729F-439C-BBDA-CEDD1121201E}" type="presParOf" srcId="{9D795F4F-BFB7-4389-BABB-BC41058662A8}" destId="{41E1E6CA-C73A-4D87-B5A6-9131EB8C5E8F}" srcOrd="5" destOrd="0" presId="urn:microsoft.com/office/officeart/2005/8/layout/vList5"/>
    <dgm:cxn modelId="{B4E41D5A-2FF0-41C6-8417-9BC1F286BB34}" type="presParOf" srcId="{9D795F4F-BFB7-4389-BABB-BC41058662A8}" destId="{8773C0B6-2282-4D3B-9D35-C6630933DEA6}" srcOrd="6" destOrd="0" presId="urn:microsoft.com/office/officeart/2005/8/layout/vList5"/>
    <dgm:cxn modelId="{B0F14ABC-BF2A-4325-BDB4-DD5E71E99941}" type="presParOf" srcId="{8773C0B6-2282-4D3B-9D35-C6630933DEA6}" destId="{2A59129D-B745-492D-B15D-77BC3EC687F3}" srcOrd="0" destOrd="0" presId="urn:microsoft.com/office/officeart/2005/8/layout/vList5"/>
    <dgm:cxn modelId="{2C4FAF62-2807-4848-8A55-C26385D74CD9}" type="presParOf" srcId="{8773C0B6-2282-4D3B-9D35-C6630933DEA6}" destId="{D728C3AB-55A3-4B27-92C7-C1335C94248F}" srcOrd="1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9957537F-532B-480F-97B6-B4FD80073607}" type="doc">
      <dgm:prSet loTypeId="urn:microsoft.com/office/officeart/2005/8/layout/vList2" loCatId="list" qsTypeId="urn:microsoft.com/office/officeart/2005/8/quickstyle/simple1" qsCatId="simple" csTypeId="urn:microsoft.com/office/officeart/2005/8/colors/colorful2" csCatId="colorful"/>
      <dgm:spPr/>
      <dgm:t>
        <a:bodyPr/>
        <a:lstStyle/>
        <a:p>
          <a:endParaRPr lang="en-US"/>
        </a:p>
      </dgm:t>
    </dgm:pt>
    <dgm:pt modelId="{9570D67B-4421-4A7C-8C5B-612297524DC3}">
      <dgm:prSet/>
      <dgm:spPr/>
      <dgm:t>
        <a:bodyPr/>
        <a:lstStyle/>
        <a:p>
          <a:r>
            <a:rPr lang="nl-BE"/>
            <a:t>Zijn er voldoende plaatsen t.o.z. van het aantal aangemelde kinderen?</a:t>
          </a:r>
          <a:endParaRPr lang="en-US"/>
        </a:p>
      </dgm:t>
    </dgm:pt>
    <dgm:pt modelId="{D7128E10-09B0-468E-B84E-0BC2D2B0D4AA}" type="parTrans" cxnId="{BBE9DF09-0C31-4654-B1F3-C4721F3627C3}">
      <dgm:prSet/>
      <dgm:spPr/>
      <dgm:t>
        <a:bodyPr/>
        <a:lstStyle/>
        <a:p>
          <a:endParaRPr lang="en-US"/>
        </a:p>
      </dgm:t>
    </dgm:pt>
    <dgm:pt modelId="{68212DB7-658C-45C9-B9FF-CCC95B04D37D}" type="sibTrans" cxnId="{BBE9DF09-0C31-4654-B1F3-C4721F3627C3}">
      <dgm:prSet/>
      <dgm:spPr/>
      <dgm:t>
        <a:bodyPr/>
        <a:lstStyle/>
        <a:p>
          <a:endParaRPr lang="en-US"/>
        </a:p>
      </dgm:t>
    </dgm:pt>
    <dgm:pt modelId="{97912D2C-D229-4811-BB53-071FAB6DDB78}">
      <dgm:prSet/>
      <dgm:spPr/>
      <dgm:t>
        <a:bodyPr/>
        <a:lstStyle/>
        <a:p>
          <a:r>
            <a:rPr lang="nl-BE"/>
            <a:t>Je kind krijgt een plaats toegewezen in de school van eerste voorkeur</a:t>
          </a:r>
          <a:endParaRPr lang="en-US"/>
        </a:p>
      </dgm:t>
    </dgm:pt>
    <dgm:pt modelId="{6F54C879-5118-40F5-A1FF-E544EF12C5D3}" type="parTrans" cxnId="{5B7C7AED-998A-4E81-A525-A2E49B1B2AF9}">
      <dgm:prSet/>
      <dgm:spPr/>
      <dgm:t>
        <a:bodyPr/>
        <a:lstStyle/>
        <a:p>
          <a:endParaRPr lang="en-US"/>
        </a:p>
      </dgm:t>
    </dgm:pt>
    <dgm:pt modelId="{F77DB92B-CAC0-47DB-B028-F99BE9F76CF0}" type="sibTrans" cxnId="{5B7C7AED-998A-4E81-A525-A2E49B1B2AF9}">
      <dgm:prSet/>
      <dgm:spPr/>
      <dgm:t>
        <a:bodyPr/>
        <a:lstStyle/>
        <a:p>
          <a:endParaRPr lang="en-US"/>
        </a:p>
      </dgm:t>
    </dgm:pt>
    <dgm:pt modelId="{3E227E24-64F2-4BFD-9DBB-48EA810F9E84}">
      <dgm:prSet/>
      <dgm:spPr/>
      <dgm:t>
        <a:bodyPr/>
        <a:lstStyle/>
        <a:p>
          <a:r>
            <a:rPr lang="nl-BE"/>
            <a:t>Zijn er te weinig plaatsen t.o.z. van het aantal plaatsen per school ? </a:t>
          </a:r>
          <a:endParaRPr lang="en-US"/>
        </a:p>
      </dgm:t>
    </dgm:pt>
    <dgm:pt modelId="{2CB3DC2C-2279-42F8-A343-24C542D4545C}" type="parTrans" cxnId="{9C0CC81B-0842-46FA-A623-AEE63866524D}">
      <dgm:prSet/>
      <dgm:spPr/>
      <dgm:t>
        <a:bodyPr/>
        <a:lstStyle/>
        <a:p>
          <a:endParaRPr lang="en-US"/>
        </a:p>
      </dgm:t>
    </dgm:pt>
    <dgm:pt modelId="{EB14DA5F-C7B8-4CFE-B241-F808287953D7}" type="sibTrans" cxnId="{9C0CC81B-0842-46FA-A623-AEE63866524D}">
      <dgm:prSet/>
      <dgm:spPr/>
      <dgm:t>
        <a:bodyPr/>
        <a:lstStyle/>
        <a:p>
          <a:endParaRPr lang="en-US"/>
        </a:p>
      </dgm:t>
    </dgm:pt>
    <dgm:pt modelId="{DE565E20-BC5A-48FB-B3D1-125603DFCC73}">
      <dgm:prSet/>
      <dgm:spPr/>
      <dgm:t>
        <a:bodyPr/>
        <a:lstStyle/>
        <a:p>
          <a:r>
            <a:rPr lang="nl-BE"/>
            <a:t>De computer gaat aan het rekenen en ordent de aangemelde kinderen in een vaste volgorde : </a:t>
          </a:r>
          <a:endParaRPr lang="en-US"/>
        </a:p>
      </dgm:t>
    </dgm:pt>
    <dgm:pt modelId="{195E4C32-BAAB-486E-A0A8-3AAFBD1B365B}" type="parTrans" cxnId="{08EDC09B-132C-48A8-89C3-AF724BA45026}">
      <dgm:prSet/>
      <dgm:spPr/>
      <dgm:t>
        <a:bodyPr/>
        <a:lstStyle/>
        <a:p>
          <a:endParaRPr lang="en-US"/>
        </a:p>
      </dgm:t>
    </dgm:pt>
    <dgm:pt modelId="{D59931AA-47C8-42F6-91AF-F3F82018F03A}" type="sibTrans" cxnId="{08EDC09B-132C-48A8-89C3-AF724BA45026}">
      <dgm:prSet/>
      <dgm:spPr/>
      <dgm:t>
        <a:bodyPr/>
        <a:lstStyle/>
        <a:p>
          <a:endParaRPr lang="en-US"/>
        </a:p>
      </dgm:t>
    </dgm:pt>
    <dgm:pt modelId="{B0F7EBFA-5048-4E01-8DC3-5FB3E58FB411}">
      <dgm:prSet/>
      <dgm:spPr/>
      <dgm:t>
        <a:bodyPr/>
        <a:lstStyle/>
        <a:p>
          <a:r>
            <a:rPr lang="nl-BE"/>
            <a:t>Ordent de voorrangsgroepen vooraan/zeker van een plaats</a:t>
          </a:r>
          <a:endParaRPr lang="en-US"/>
        </a:p>
      </dgm:t>
    </dgm:pt>
    <dgm:pt modelId="{2B24FBB0-1F10-4219-82B7-A6277AA12464}" type="parTrans" cxnId="{258A537B-205A-4618-93F6-45F7E51D4566}">
      <dgm:prSet/>
      <dgm:spPr/>
      <dgm:t>
        <a:bodyPr/>
        <a:lstStyle/>
        <a:p>
          <a:endParaRPr lang="en-US"/>
        </a:p>
      </dgm:t>
    </dgm:pt>
    <dgm:pt modelId="{02AD1062-8F00-477D-A823-95FBDAA8F343}" type="sibTrans" cxnId="{258A537B-205A-4618-93F6-45F7E51D4566}">
      <dgm:prSet/>
      <dgm:spPr/>
      <dgm:t>
        <a:bodyPr/>
        <a:lstStyle/>
        <a:p>
          <a:endParaRPr lang="en-US"/>
        </a:p>
      </dgm:t>
    </dgm:pt>
    <dgm:pt modelId="{89F4C16D-66EC-4D59-9FC4-A2A320F4928D}">
      <dgm:prSet/>
      <dgm:spPr/>
      <dgm:t>
        <a:bodyPr/>
        <a:lstStyle/>
        <a:p>
          <a:r>
            <a:rPr lang="nl-BE"/>
            <a:t>Ordent volgens afstand tot de school (domicilieadres kind, werkadres mama/papa, verhuisadres)</a:t>
          </a:r>
          <a:endParaRPr lang="en-US"/>
        </a:p>
      </dgm:t>
    </dgm:pt>
    <dgm:pt modelId="{D7747E87-6E3E-4F72-8A0E-74B928295B9D}" type="parTrans" cxnId="{0868FAE6-0E07-4C3A-A587-C9B1719EC530}">
      <dgm:prSet/>
      <dgm:spPr/>
      <dgm:t>
        <a:bodyPr/>
        <a:lstStyle/>
        <a:p>
          <a:endParaRPr lang="en-US"/>
        </a:p>
      </dgm:t>
    </dgm:pt>
    <dgm:pt modelId="{22A72783-B880-4BB4-84DF-2930736E22C0}" type="sibTrans" cxnId="{0868FAE6-0E07-4C3A-A587-C9B1719EC530}">
      <dgm:prSet/>
      <dgm:spPr/>
      <dgm:t>
        <a:bodyPr/>
        <a:lstStyle/>
        <a:p>
          <a:endParaRPr lang="en-US"/>
        </a:p>
      </dgm:t>
    </dgm:pt>
    <dgm:pt modelId="{B9AA2EB2-AB82-41B1-9044-F8C492F8A622}">
      <dgm:prSet/>
      <dgm:spPr/>
      <dgm:t>
        <a:bodyPr/>
        <a:lstStyle/>
        <a:p>
          <a:r>
            <a:rPr lang="nl-BE"/>
            <a:t>Ordent volgens schoolkeuze</a:t>
          </a:r>
          <a:endParaRPr lang="en-US"/>
        </a:p>
      </dgm:t>
    </dgm:pt>
    <dgm:pt modelId="{C1245936-4127-47AE-901C-8C1B7C26E0E7}" type="parTrans" cxnId="{0DA9055A-A0AB-439E-9092-8A05AFF7D08A}">
      <dgm:prSet/>
      <dgm:spPr/>
      <dgm:t>
        <a:bodyPr/>
        <a:lstStyle/>
        <a:p>
          <a:endParaRPr lang="en-US"/>
        </a:p>
      </dgm:t>
    </dgm:pt>
    <dgm:pt modelId="{B24EF87F-4DB4-40F6-B78A-EF7901C73373}" type="sibTrans" cxnId="{0DA9055A-A0AB-439E-9092-8A05AFF7D08A}">
      <dgm:prSet/>
      <dgm:spPr/>
      <dgm:t>
        <a:bodyPr/>
        <a:lstStyle/>
        <a:p>
          <a:endParaRPr lang="en-US"/>
        </a:p>
      </dgm:t>
    </dgm:pt>
    <dgm:pt modelId="{31104D94-C196-4F20-B7FC-E6BD9F5EAB13}">
      <dgm:prSet/>
      <dgm:spPr/>
      <dgm:t>
        <a:bodyPr/>
        <a:lstStyle/>
        <a:p>
          <a:r>
            <a:rPr lang="nl-BE"/>
            <a:t>De computer houdt rekening met het aantal plaatsen per leerjaar en geboortejaar.  </a:t>
          </a:r>
          <a:endParaRPr lang="en-US"/>
        </a:p>
      </dgm:t>
    </dgm:pt>
    <dgm:pt modelId="{9F8C765C-261A-48D7-9152-D0E2F2F79871}" type="parTrans" cxnId="{F90376B2-9E48-46AE-873B-12B645FCEA60}">
      <dgm:prSet/>
      <dgm:spPr/>
      <dgm:t>
        <a:bodyPr/>
        <a:lstStyle/>
        <a:p>
          <a:endParaRPr lang="en-US"/>
        </a:p>
      </dgm:t>
    </dgm:pt>
    <dgm:pt modelId="{56CE58D1-DFF0-4994-A392-4B685900D02F}" type="sibTrans" cxnId="{F90376B2-9E48-46AE-873B-12B645FCEA60}">
      <dgm:prSet/>
      <dgm:spPr/>
      <dgm:t>
        <a:bodyPr/>
        <a:lstStyle/>
        <a:p>
          <a:endParaRPr lang="en-US"/>
        </a:p>
      </dgm:t>
    </dgm:pt>
    <dgm:pt modelId="{986D59E4-85F9-45C4-BE33-FA70023D8EB5}" type="pres">
      <dgm:prSet presAssocID="{9957537F-532B-480F-97B6-B4FD80073607}" presName="linear" presStyleCnt="0">
        <dgm:presLayoutVars>
          <dgm:animLvl val="lvl"/>
          <dgm:resizeHandles val="exact"/>
        </dgm:presLayoutVars>
      </dgm:prSet>
      <dgm:spPr/>
    </dgm:pt>
    <dgm:pt modelId="{B740899A-DFA8-4687-8E14-26E96572ABB1}" type="pres">
      <dgm:prSet presAssocID="{9570D67B-4421-4A7C-8C5B-612297524DC3}" presName="parentText" presStyleLbl="node1" presStyleIdx="0" presStyleCnt="3">
        <dgm:presLayoutVars>
          <dgm:chMax val="0"/>
          <dgm:bulletEnabled val="1"/>
        </dgm:presLayoutVars>
      </dgm:prSet>
      <dgm:spPr/>
    </dgm:pt>
    <dgm:pt modelId="{F4712CB9-309A-42BC-87FA-6BE52A6ADBF0}" type="pres">
      <dgm:prSet presAssocID="{9570D67B-4421-4A7C-8C5B-612297524DC3}" presName="childText" presStyleLbl="revTx" presStyleIdx="0" presStyleCnt="2">
        <dgm:presLayoutVars>
          <dgm:bulletEnabled val="1"/>
        </dgm:presLayoutVars>
      </dgm:prSet>
      <dgm:spPr/>
    </dgm:pt>
    <dgm:pt modelId="{DB2FB966-7EB6-4196-9045-6258C7000213}" type="pres">
      <dgm:prSet presAssocID="{3E227E24-64F2-4BFD-9DBB-48EA810F9E84}" presName="parentText" presStyleLbl="node1" presStyleIdx="1" presStyleCnt="3">
        <dgm:presLayoutVars>
          <dgm:chMax val="0"/>
          <dgm:bulletEnabled val="1"/>
        </dgm:presLayoutVars>
      </dgm:prSet>
      <dgm:spPr/>
    </dgm:pt>
    <dgm:pt modelId="{F073A70E-24D1-4FFF-9356-359523CE527C}" type="pres">
      <dgm:prSet presAssocID="{3E227E24-64F2-4BFD-9DBB-48EA810F9E84}" presName="childText" presStyleLbl="revTx" presStyleIdx="1" presStyleCnt="2">
        <dgm:presLayoutVars>
          <dgm:bulletEnabled val="1"/>
        </dgm:presLayoutVars>
      </dgm:prSet>
      <dgm:spPr/>
    </dgm:pt>
    <dgm:pt modelId="{01419F43-067C-4AEC-909B-2FF8A17B35D7}" type="pres">
      <dgm:prSet presAssocID="{31104D94-C196-4F20-B7FC-E6BD9F5EAB13}" presName="parentText" presStyleLbl="node1" presStyleIdx="2" presStyleCnt="3">
        <dgm:presLayoutVars>
          <dgm:chMax val="0"/>
          <dgm:bulletEnabled val="1"/>
        </dgm:presLayoutVars>
      </dgm:prSet>
      <dgm:spPr/>
    </dgm:pt>
  </dgm:ptLst>
  <dgm:cxnLst>
    <dgm:cxn modelId="{BBE9DF09-0C31-4654-B1F3-C4721F3627C3}" srcId="{9957537F-532B-480F-97B6-B4FD80073607}" destId="{9570D67B-4421-4A7C-8C5B-612297524DC3}" srcOrd="0" destOrd="0" parTransId="{D7128E10-09B0-468E-B84E-0BC2D2B0D4AA}" sibTransId="{68212DB7-658C-45C9-B9FF-CCC95B04D37D}"/>
    <dgm:cxn modelId="{2822740D-37B8-4D7F-8D91-32319D3EE873}" type="presOf" srcId="{DE565E20-BC5A-48FB-B3D1-125603DFCC73}" destId="{F073A70E-24D1-4FFF-9356-359523CE527C}" srcOrd="0" destOrd="0" presId="urn:microsoft.com/office/officeart/2005/8/layout/vList2"/>
    <dgm:cxn modelId="{CBBA3912-437F-4519-B7D6-BE580A5AE2D8}" type="presOf" srcId="{B0F7EBFA-5048-4E01-8DC3-5FB3E58FB411}" destId="{F073A70E-24D1-4FFF-9356-359523CE527C}" srcOrd="0" destOrd="1" presId="urn:microsoft.com/office/officeart/2005/8/layout/vList2"/>
    <dgm:cxn modelId="{9C0CC81B-0842-46FA-A623-AEE63866524D}" srcId="{9957537F-532B-480F-97B6-B4FD80073607}" destId="{3E227E24-64F2-4BFD-9DBB-48EA810F9E84}" srcOrd="1" destOrd="0" parTransId="{2CB3DC2C-2279-42F8-A343-24C542D4545C}" sibTransId="{EB14DA5F-C7B8-4CFE-B241-F808287953D7}"/>
    <dgm:cxn modelId="{4F37BB32-A59A-4F72-9BC1-63BD7984FC81}" type="presOf" srcId="{97912D2C-D229-4811-BB53-071FAB6DDB78}" destId="{F4712CB9-309A-42BC-87FA-6BE52A6ADBF0}" srcOrd="0" destOrd="0" presId="urn:microsoft.com/office/officeart/2005/8/layout/vList2"/>
    <dgm:cxn modelId="{FDD81060-701D-4BE0-AC2B-58D8FB806C64}" type="presOf" srcId="{3E227E24-64F2-4BFD-9DBB-48EA810F9E84}" destId="{DB2FB966-7EB6-4196-9045-6258C7000213}" srcOrd="0" destOrd="0" presId="urn:microsoft.com/office/officeart/2005/8/layout/vList2"/>
    <dgm:cxn modelId="{11420B6F-E0E8-4778-8E1D-B6AD282C1B91}" type="presOf" srcId="{9957537F-532B-480F-97B6-B4FD80073607}" destId="{986D59E4-85F9-45C4-BE33-FA70023D8EB5}" srcOrd="0" destOrd="0" presId="urn:microsoft.com/office/officeart/2005/8/layout/vList2"/>
    <dgm:cxn modelId="{0DA9055A-A0AB-439E-9092-8A05AFF7D08A}" srcId="{DE565E20-BC5A-48FB-B3D1-125603DFCC73}" destId="{B9AA2EB2-AB82-41B1-9044-F8C492F8A622}" srcOrd="2" destOrd="0" parTransId="{C1245936-4127-47AE-901C-8C1B7C26E0E7}" sibTransId="{B24EF87F-4DB4-40F6-B78A-EF7901C73373}"/>
    <dgm:cxn modelId="{258A537B-205A-4618-93F6-45F7E51D4566}" srcId="{DE565E20-BC5A-48FB-B3D1-125603DFCC73}" destId="{B0F7EBFA-5048-4E01-8DC3-5FB3E58FB411}" srcOrd="0" destOrd="0" parTransId="{2B24FBB0-1F10-4219-82B7-A6277AA12464}" sibTransId="{02AD1062-8F00-477D-A823-95FBDAA8F343}"/>
    <dgm:cxn modelId="{51506F7F-6C7C-46E4-9BE7-7B8EEE84D966}" type="presOf" srcId="{9570D67B-4421-4A7C-8C5B-612297524DC3}" destId="{B740899A-DFA8-4687-8E14-26E96572ABB1}" srcOrd="0" destOrd="0" presId="urn:microsoft.com/office/officeart/2005/8/layout/vList2"/>
    <dgm:cxn modelId="{08EDC09B-132C-48A8-89C3-AF724BA45026}" srcId="{3E227E24-64F2-4BFD-9DBB-48EA810F9E84}" destId="{DE565E20-BC5A-48FB-B3D1-125603DFCC73}" srcOrd="0" destOrd="0" parTransId="{195E4C32-BAAB-486E-A0A8-3AAFBD1B365B}" sibTransId="{D59931AA-47C8-42F6-91AF-F3F82018F03A}"/>
    <dgm:cxn modelId="{F90376B2-9E48-46AE-873B-12B645FCEA60}" srcId="{9957537F-532B-480F-97B6-B4FD80073607}" destId="{31104D94-C196-4F20-B7FC-E6BD9F5EAB13}" srcOrd="2" destOrd="0" parTransId="{9F8C765C-261A-48D7-9152-D0E2F2F79871}" sibTransId="{56CE58D1-DFF0-4994-A392-4B685900D02F}"/>
    <dgm:cxn modelId="{54C486CD-F65E-4A0E-AB86-C015B90D6E20}" type="presOf" srcId="{89F4C16D-66EC-4D59-9FC4-A2A320F4928D}" destId="{F073A70E-24D1-4FFF-9356-359523CE527C}" srcOrd="0" destOrd="2" presId="urn:microsoft.com/office/officeart/2005/8/layout/vList2"/>
    <dgm:cxn modelId="{7361AFD2-9B2F-4C5C-A699-40076E93AA6D}" type="presOf" srcId="{B9AA2EB2-AB82-41B1-9044-F8C492F8A622}" destId="{F073A70E-24D1-4FFF-9356-359523CE527C}" srcOrd="0" destOrd="3" presId="urn:microsoft.com/office/officeart/2005/8/layout/vList2"/>
    <dgm:cxn modelId="{0868FAE6-0E07-4C3A-A587-C9B1719EC530}" srcId="{DE565E20-BC5A-48FB-B3D1-125603DFCC73}" destId="{89F4C16D-66EC-4D59-9FC4-A2A320F4928D}" srcOrd="1" destOrd="0" parTransId="{D7747E87-6E3E-4F72-8A0E-74B928295B9D}" sibTransId="{22A72783-B880-4BB4-84DF-2930736E22C0}"/>
    <dgm:cxn modelId="{5B7C7AED-998A-4E81-A525-A2E49B1B2AF9}" srcId="{9570D67B-4421-4A7C-8C5B-612297524DC3}" destId="{97912D2C-D229-4811-BB53-071FAB6DDB78}" srcOrd="0" destOrd="0" parTransId="{6F54C879-5118-40F5-A1FF-E544EF12C5D3}" sibTransId="{F77DB92B-CAC0-47DB-B028-F99BE9F76CF0}"/>
    <dgm:cxn modelId="{4C7222F1-981D-41AF-B66A-72D4502CA821}" type="presOf" srcId="{31104D94-C196-4F20-B7FC-E6BD9F5EAB13}" destId="{01419F43-067C-4AEC-909B-2FF8A17B35D7}" srcOrd="0" destOrd="0" presId="urn:microsoft.com/office/officeart/2005/8/layout/vList2"/>
    <dgm:cxn modelId="{02A05294-D663-4473-9640-18D74D17FEAE}" type="presParOf" srcId="{986D59E4-85F9-45C4-BE33-FA70023D8EB5}" destId="{B740899A-DFA8-4687-8E14-26E96572ABB1}" srcOrd="0" destOrd="0" presId="urn:microsoft.com/office/officeart/2005/8/layout/vList2"/>
    <dgm:cxn modelId="{5E553788-1ECD-4BE6-8FC5-DBCC99E589B9}" type="presParOf" srcId="{986D59E4-85F9-45C4-BE33-FA70023D8EB5}" destId="{F4712CB9-309A-42BC-87FA-6BE52A6ADBF0}" srcOrd="1" destOrd="0" presId="urn:microsoft.com/office/officeart/2005/8/layout/vList2"/>
    <dgm:cxn modelId="{AD9BD41E-FDB0-4723-B3EF-890D3160B37D}" type="presParOf" srcId="{986D59E4-85F9-45C4-BE33-FA70023D8EB5}" destId="{DB2FB966-7EB6-4196-9045-6258C7000213}" srcOrd="2" destOrd="0" presId="urn:microsoft.com/office/officeart/2005/8/layout/vList2"/>
    <dgm:cxn modelId="{8568B6E3-3BC0-48AF-8B68-B62506A4F64A}" type="presParOf" srcId="{986D59E4-85F9-45C4-BE33-FA70023D8EB5}" destId="{F073A70E-24D1-4FFF-9356-359523CE527C}" srcOrd="3" destOrd="0" presId="urn:microsoft.com/office/officeart/2005/8/layout/vList2"/>
    <dgm:cxn modelId="{00CB25F2-ACEA-4785-9F7E-6B16E3A803AC}" type="presParOf" srcId="{986D59E4-85F9-45C4-BE33-FA70023D8EB5}" destId="{01419F43-067C-4AEC-909B-2FF8A17B35D7}" srcOrd="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B5BBB181-FB2C-4E72-9834-5008D973EF14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562AB809-B0F4-4A66-89EE-4679676840EA}">
      <dgm:prSet/>
      <dgm:spPr/>
      <dgm:t>
        <a:bodyPr/>
        <a:lstStyle/>
        <a:p>
          <a:r>
            <a:rPr lang="nl-BE" b="0" i="0" baseline="0"/>
            <a:t>Je kind inschrijven in de school van je eerste voorkeur</a:t>
          </a:r>
          <a:endParaRPr lang="en-US"/>
        </a:p>
      </dgm:t>
    </dgm:pt>
    <dgm:pt modelId="{81A56E19-5D07-458D-B279-14975D6E3765}" type="parTrans" cxnId="{F085B89D-E37E-48F7-8BFE-E167D549F29E}">
      <dgm:prSet/>
      <dgm:spPr/>
      <dgm:t>
        <a:bodyPr/>
        <a:lstStyle/>
        <a:p>
          <a:endParaRPr lang="en-US"/>
        </a:p>
      </dgm:t>
    </dgm:pt>
    <dgm:pt modelId="{F4FC064A-9F3C-4E46-9174-70CC9E0D2C8E}" type="sibTrans" cxnId="{F085B89D-E37E-48F7-8BFE-E167D549F29E}">
      <dgm:prSet/>
      <dgm:spPr/>
      <dgm:t>
        <a:bodyPr/>
        <a:lstStyle/>
        <a:p>
          <a:endParaRPr lang="en-US"/>
        </a:p>
      </dgm:t>
    </dgm:pt>
    <dgm:pt modelId="{5CCA5FBE-D1B4-4CBA-890D-7797219E045B}">
      <dgm:prSet/>
      <dgm:spPr/>
      <dgm:t>
        <a:bodyPr/>
        <a:lstStyle/>
        <a:p>
          <a:r>
            <a:rPr lang="nl-BE" b="0" i="0" baseline="0" dirty="0"/>
            <a:t>Je kind inschrijven in de school die op je brief staat </a:t>
          </a:r>
          <a:br>
            <a:rPr lang="nl-BE" b="0" i="0" baseline="0" dirty="0"/>
          </a:br>
          <a:r>
            <a:rPr lang="nl-BE" b="0" i="0" baseline="0" dirty="0"/>
            <a:t>of (als je je kind niet in die school wil inschrijven)</a:t>
          </a:r>
          <a:br>
            <a:rPr lang="nl-BE" b="0" i="0" baseline="0" dirty="0"/>
          </a:br>
          <a:r>
            <a:rPr lang="nl-BE" b="0" i="0" baseline="0" dirty="0"/>
            <a:t>wachten tot 23 mei 2024</a:t>
          </a:r>
          <a:endParaRPr lang="en-US" dirty="0"/>
        </a:p>
      </dgm:t>
    </dgm:pt>
    <dgm:pt modelId="{8EE5A86F-6962-4413-9858-ECC7EFF5E145}" type="parTrans" cxnId="{B1825F75-D936-450F-AFA5-7F8FCBA726D2}">
      <dgm:prSet/>
      <dgm:spPr/>
      <dgm:t>
        <a:bodyPr/>
        <a:lstStyle/>
        <a:p>
          <a:endParaRPr lang="en-US"/>
        </a:p>
      </dgm:t>
    </dgm:pt>
    <dgm:pt modelId="{D84C4C29-0F81-441A-AB5E-48A2532DEA65}" type="sibTrans" cxnId="{B1825F75-D936-450F-AFA5-7F8FCBA726D2}">
      <dgm:prSet/>
      <dgm:spPr/>
      <dgm:t>
        <a:bodyPr/>
        <a:lstStyle/>
        <a:p>
          <a:endParaRPr lang="en-US"/>
        </a:p>
      </dgm:t>
    </dgm:pt>
    <dgm:pt modelId="{4B0D2620-4FB3-4B76-A075-A14DD54F621B}">
      <dgm:prSet custT="1"/>
      <dgm:spPr/>
      <dgm:t>
        <a:bodyPr/>
        <a:lstStyle/>
        <a:p>
          <a:r>
            <a:rPr lang="nl-BE" sz="1800" b="0" i="0" baseline="0" dirty="0"/>
            <a:t>Je kan je kind niet inschrijven in een school</a:t>
          </a:r>
          <a:br>
            <a:rPr lang="nl-BE" sz="1800" b="0" i="0" baseline="0" dirty="0"/>
          </a:br>
          <a:r>
            <a:rPr lang="nl-BE" sz="1800" b="0" i="0" baseline="0" dirty="0"/>
            <a:t>Wachten tot 23 mei 2024</a:t>
          </a:r>
          <a:endParaRPr lang="en-US" sz="1800" dirty="0"/>
        </a:p>
      </dgm:t>
    </dgm:pt>
    <dgm:pt modelId="{FE4D6947-BFEC-4316-9803-85C0537503BA}" type="parTrans" cxnId="{2E40B2D1-F5FF-47D3-960E-5F65B5824153}">
      <dgm:prSet/>
      <dgm:spPr/>
      <dgm:t>
        <a:bodyPr/>
        <a:lstStyle/>
        <a:p>
          <a:endParaRPr lang="en-US"/>
        </a:p>
      </dgm:t>
    </dgm:pt>
    <dgm:pt modelId="{22699075-3D56-4FB9-A498-47310AC88425}" type="sibTrans" cxnId="{2E40B2D1-F5FF-47D3-960E-5F65B5824153}">
      <dgm:prSet/>
      <dgm:spPr/>
      <dgm:t>
        <a:bodyPr/>
        <a:lstStyle/>
        <a:p>
          <a:endParaRPr lang="en-US"/>
        </a:p>
      </dgm:t>
    </dgm:pt>
    <dgm:pt modelId="{3AD53883-BB2F-441F-A1AB-48024553A204}" type="pres">
      <dgm:prSet presAssocID="{B5BBB181-FB2C-4E72-9834-5008D973EF14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C6826655-6A38-43A0-9304-672253A8BDEA}" type="pres">
      <dgm:prSet presAssocID="{562AB809-B0F4-4A66-89EE-4679676840EA}" presName="hierRoot1" presStyleCnt="0"/>
      <dgm:spPr/>
    </dgm:pt>
    <dgm:pt modelId="{2AC087C4-3676-4A55-838E-1FBA5CDC4660}" type="pres">
      <dgm:prSet presAssocID="{562AB809-B0F4-4A66-89EE-4679676840EA}" presName="composite" presStyleCnt="0"/>
      <dgm:spPr/>
    </dgm:pt>
    <dgm:pt modelId="{06E40F19-2E0A-48D5-B95C-71AAC0B1E68C}" type="pres">
      <dgm:prSet presAssocID="{562AB809-B0F4-4A66-89EE-4679676840EA}" presName="background" presStyleLbl="node0" presStyleIdx="0" presStyleCnt="3"/>
      <dgm:spPr/>
    </dgm:pt>
    <dgm:pt modelId="{8C43DAC8-555E-4710-941C-5B0547684E55}" type="pres">
      <dgm:prSet presAssocID="{562AB809-B0F4-4A66-89EE-4679676840EA}" presName="text" presStyleLbl="fgAcc0" presStyleIdx="0" presStyleCnt="3">
        <dgm:presLayoutVars>
          <dgm:chPref val="3"/>
        </dgm:presLayoutVars>
      </dgm:prSet>
      <dgm:spPr/>
    </dgm:pt>
    <dgm:pt modelId="{C0D4A213-BB28-440B-B25B-8583C7558497}" type="pres">
      <dgm:prSet presAssocID="{562AB809-B0F4-4A66-89EE-4679676840EA}" presName="hierChild2" presStyleCnt="0"/>
      <dgm:spPr/>
    </dgm:pt>
    <dgm:pt modelId="{C0E9079E-5AF7-4548-B29F-BE99676FB3DB}" type="pres">
      <dgm:prSet presAssocID="{5CCA5FBE-D1B4-4CBA-890D-7797219E045B}" presName="hierRoot1" presStyleCnt="0"/>
      <dgm:spPr/>
    </dgm:pt>
    <dgm:pt modelId="{48E94106-C33F-45ED-973E-7A7D94E3DC55}" type="pres">
      <dgm:prSet presAssocID="{5CCA5FBE-D1B4-4CBA-890D-7797219E045B}" presName="composite" presStyleCnt="0"/>
      <dgm:spPr/>
    </dgm:pt>
    <dgm:pt modelId="{C1E77D97-EAD9-4DD1-9377-AEC311BFF3FB}" type="pres">
      <dgm:prSet presAssocID="{5CCA5FBE-D1B4-4CBA-890D-7797219E045B}" presName="background" presStyleLbl="node0" presStyleIdx="1" presStyleCnt="3"/>
      <dgm:spPr/>
    </dgm:pt>
    <dgm:pt modelId="{37FCCB45-5046-46C7-8984-7478FC7499FC}" type="pres">
      <dgm:prSet presAssocID="{5CCA5FBE-D1B4-4CBA-890D-7797219E045B}" presName="text" presStyleLbl="fgAcc0" presStyleIdx="1" presStyleCnt="3">
        <dgm:presLayoutVars>
          <dgm:chPref val="3"/>
        </dgm:presLayoutVars>
      </dgm:prSet>
      <dgm:spPr/>
    </dgm:pt>
    <dgm:pt modelId="{8380E09A-7A7C-4CED-93BB-719C79E2EDB3}" type="pres">
      <dgm:prSet presAssocID="{5CCA5FBE-D1B4-4CBA-890D-7797219E045B}" presName="hierChild2" presStyleCnt="0"/>
      <dgm:spPr/>
    </dgm:pt>
    <dgm:pt modelId="{CAB18EA7-E76D-46C2-B448-6D3FA07A5EDF}" type="pres">
      <dgm:prSet presAssocID="{4B0D2620-4FB3-4B76-A075-A14DD54F621B}" presName="hierRoot1" presStyleCnt="0"/>
      <dgm:spPr/>
    </dgm:pt>
    <dgm:pt modelId="{C8D48E72-F00C-443F-B0A3-0971385403EE}" type="pres">
      <dgm:prSet presAssocID="{4B0D2620-4FB3-4B76-A075-A14DD54F621B}" presName="composite" presStyleCnt="0"/>
      <dgm:spPr/>
    </dgm:pt>
    <dgm:pt modelId="{CCD1B213-19E7-45FC-B623-F6FC383C4F61}" type="pres">
      <dgm:prSet presAssocID="{4B0D2620-4FB3-4B76-A075-A14DD54F621B}" presName="background" presStyleLbl="node0" presStyleIdx="2" presStyleCnt="3"/>
      <dgm:spPr/>
    </dgm:pt>
    <dgm:pt modelId="{69F03684-7C75-45A7-BCFC-547B6A13C5E6}" type="pres">
      <dgm:prSet presAssocID="{4B0D2620-4FB3-4B76-A075-A14DD54F621B}" presName="text" presStyleLbl="fgAcc0" presStyleIdx="2" presStyleCnt="3">
        <dgm:presLayoutVars>
          <dgm:chPref val="3"/>
        </dgm:presLayoutVars>
      </dgm:prSet>
      <dgm:spPr/>
    </dgm:pt>
    <dgm:pt modelId="{3794A2CC-4A90-4AD7-98F1-AD69269A94AF}" type="pres">
      <dgm:prSet presAssocID="{4B0D2620-4FB3-4B76-A075-A14DD54F621B}" presName="hierChild2" presStyleCnt="0"/>
      <dgm:spPr/>
    </dgm:pt>
  </dgm:ptLst>
  <dgm:cxnLst>
    <dgm:cxn modelId="{4636E23A-6966-4412-AAED-498F77C0D45B}" type="presOf" srcId="{5CCA5FBE-D1B4-4CBA-890D-7797219E045B}" destId="{37FCCB45-5046-46C7-8984-7478FC7499FC}" srcOrd="0" destOrd="0" presId="urn:microsoft.com/office/officeart/2005/8/layout/hierarchy1"/>
    <dgm:cxn modelId="{30247C3E-9F5F-43E9-9162-0F788D767201}" type="presOf" srcId="{562AB809-B0F4-4A66-89EE-4679676840EA}" destId="{8C43DAC8-555E-4710-941C-5B0547684E55}" srcOrd="0" destOrd="0" presId="urn:microsoft.com/office/officeart/2005/8/layout/hierarchy1"/>
    <dgm:cxn modelId="{B1825F75-D936-450F-AFA5-7F8FCBA726D2}" srcId="{B5BBB181-FB2C-4E72-9834-5008D973EF14}" destId="{5CCA5FBE-D1B4-4CBA-890D-7797219E045B}" srcOrd="1" destOrd="0" parTransId="{8EE5A86F-6962-4413-9858-ECC7EFF5E145}" sibTransId="{D84C4C29-0F81-441A-AB5E-48A2532DEA65}"/>
    <dgm:cxn modelId="{0B4FBB96-5600-4714-BAAA-F42D759076E7}" type="presOf" srcId="{4B0D2620-4FB3-4B76-A075-A14DD54F621B}" destId="{69F03684-7C75-45A7-BCFC-547B6A13C5E6}" srcOrd="0" destOrd="0" presId="urn:microsoft.com/office/officeart/2005/8/layout/hierarchy1"/>
    <dgm:cxn modelId="{F085B89D-E37E-48F7-8BFE-E167D549F29E}" srcId="{B5BBB181-FB2C-4E72-9834-5008D973EF14}" destId="{562AB809-B0F4-4A66-89EE-4679676840EA}" srcOrd="0" destOrd="0" parTransId="{81A56E19-5D07-458D-B279-14975D6E3765}" sibTransId="{F4FC064A-9F3C-4E46-9174-70CC9E0D2C8E}"/>
    <dgm:cxn modelId="{163932A4-925B-4F88-9D4B-EDC87C12FD60}" type="presOf" srcId="{B5BBB181-FB2C-4E72-9834-5008D973EF14}" destId="{3AD53883-BB2F-441F-A1AB-48024553A204}" srcOrd="0" destOrd="0" presId="urn:microsoft.com/office/officeart/2005/8/layout/hierarchy1"/>
    <dgm:cxn modelId="{2E40B2D1-F5FF-47D3-960E-5F65B5824153}" srcId="{B5BBB181-FB2C-4E72-9834-5008D973EF14}" destId="{4B0D2620-4FB3-4B76-A075-A14DD54F621B}" srcOrd="2" destOrd="0" parTransId="{FE4D6947-BFEC-4316-9803-85C0537503BA}" sibTransId="{22699075-3D56-4FB9-A498-47310AC88425}"/>
    <dgm:cxn modelId="{CE9E2402-73CF-4835-A842-B03DDF3DADC2}" type="presParOf" srcId="{3AD53883-BB2F-441F-A1AB-48024553A204}" destId="{C6826655-6A38-43A0-9304-672253A8BDEA}" srcOrd="0" destOrd="0" presId="urn:microsoft.com/office/officeart/2005/8/layout/hierarchy1"/>
    <dgm:cxn modelId="{16BD410B-547A-4D72-A4E5-AC33EDFCE2C8}" type="presParOf" srcId="{C6826655-6A38-43A0-9304-672253A8BDEA}" destId="{2AC087C4-3676-4A55-838E-1FBA5CDC4660}" srcOrd="0" destOrd="0" presId="urn:microsoft.com/office/officeart/2005/8/layout/hierarchy1"/>
    <dgm:cxn modelId="{28771963-8F15-4869-BEFF-0F57C9469662}" type="presParOf" srcId="{2AC087C4-3676-4A55-838E-1FBA5CDC4660}" destId="{06E40F19-2E0A-48D5-B95C-71AAC0B1E68C}" srcOrd="0" destOrd="0" presId="urn:microsoft.com/office/officeart/2005/8/layout/hierarchy1"/>
    <dgm:cxn modelId="{B34C4669-06BE-4551-AC1E-BDA30ECDF521}" type="presParOf" srcId="{2AC087C4-3676-4A55-838E-1FBA5CDC4660}" destId="{8C43DAC8-555E-4710-941C-5B0547684E55}" srcOrd="1" destOrd="0" presId="urn:microsoft.com/office/officeart/2005/8/layout/hierarchy1"/>
    <dgm:cxn modelId="{479ECB75-19B6-4D68-AF11-2C8C9A445B00}" type="presParOf" srcId="{C6826655-6A38-43A0-9304-672253A8BDEA}" destId="{C0D4A213-BB28-440B-B25B-8583C7558497}" srcOrd="1" destOrd="0" presId="urn:microsoft.com/office/officeart/2005/8/layout/hierarchy1"/>
    <dgm:cxn modelId="{E12A6B2F-E0DB-4888-AD72-036B31024486}" type="presParOf" srcId="{3AD53883-BB2F-441F-A1AB-48024553A204}" destId="{C0E9079E-5AF7-4548-B29F-BE99676FB3DB}" srcOrd="1" destOrd="0" presId="urn:microsoft.com/office/officeart/2005/8/layout/hierarchy1"/>
    <dgm:cxn modelId="{F0341DF1-8A24-4A6B-958E-0F4DCFB441F9}" type="presParOf" srcId="{C0E9079E-5AF7-4548-B29F-BE99676FB3DB}" destId="{48E94106-C33F-45ED-973E-7A7D94E3DC55}" srcOrd="0" destOrd="0" presId="urn:microsoft.com/office/officeart/2005/8/layout/hierarchy1"/>
    <dgm:cxn modelId="{1E695B7A-A0C8-4838-8764-13A6D8585AB7}" type="presParOf" srcId="{48E94106-C33F-45ED-973E-7A7D94E3DC55}" destId="{C1E77D97-EAD9-4DD1-9377-AEC311BFF3FB}" srcOrd="0" destOrd="0" presId="urn:microsoft.com/office/officeart/2005/8/layout/hierarchy1"/>
    <dgm:cxn modelId="{B230B9D3-49C0-4E1D-B572-42A7016E3E97}" type="presParOf" srcId="{48E94106-C33F-45ED-973E-7A7D94E3DC55}" destId="{37FCCB45-5046-46C7-8984-7478FC7499FC}" srcOrd="1" destOrd="0" presId="urn:microsoft.com/office/officeart/2005/8/layout/hierarchy1"/>
    <dgm:cxn modelId="{80E36803-90F7-427A-80E3-5D0A4D8656D9}" type="presParOf" srcId="{C0E9079E-5AF7-4548-B29F-BE99676FB3DB}" destId="{8380E09A-7A7C-4CED-93BB-719C79E2EDB3}" srcOrd="1" destOrd="0" presId="urn:microsoft.com/office/officeart/2005/8/layout/hierarchy1"/>
    <dgm:cxn modelId="{18EC2527-AA3B-4540-909C-8223432C00D1}" type="presParOf" srcId="{3AD53883-BB2F-441F-A1AB-48024553A204}" destId="{CAB18EA7-E76D-46C2-B448-6D3FA07A5EDF}" srcOrd="2" destOrd="0" presId="urn:microsoft.com/office/officeart/2005/8/layout/hierarchy1"/>
    <dgm:cxn modelId="{81DC01C1-8DDF-4E95-966E-D7262B469415}" type="presParOf" srcId="{CAB18EA7-E76D-46C2-B448-6D3FA07A5EDF}" destId="{C8D48E72-F00C-443F-B0A3-0971385403EE}" srcOrd="0" destOrd="0" presId="urn:microsoft.com/office/officeart/2005/8/layout/hierarchy1"/>
    <dgm:cxn modelId="{8726F658-34C5-44D1-B663-614212C4AEB8}" type="presParOf" srcId="{C8D48E72-F00C-443F-B0A3-0971385403EE}" destId="{CCD1B213-19E7-45FC-B623-F6FC383C4F61}" srcOrd="0" destOrd="0" presId="urn:microsoft.com/office/officeart/2005/8/layout/hierarchy1"/>
    <dgm:cxn modelId="{36A475B7-A251-477B-A242-31BE31F40644}" type="presParOf" srcId="{C8D48E72-F00C-443F-B0A3-0971385403EE}" destId="{69F03684-7C75-45A7-BCFC-547B6A13C5E6}" srcOrd="1" destOrd="0" presId="urn:microsoft.com/office/officeart/2005/8/layout/hierarchy1"/>
    <dgm:cxn modelId="{E6426251-8E5B-435A-9ADA-CA7581F08559}" type="presParOf" srcId="{CAB18EA7-E76D-46C2-B448-6D3FA07A5EDF}" destId="{3794A2CC-4A90-4AD7-98F1-AD69269A94AF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64BDE512-404D-403B-9A4A-874FFAFB247F}" type="doc">
      <dgm:prSet loTypeId="urn:microsoft.com/office/officeart/2005/8/layout/vList2" loCatId="list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BE5F3EC1-382D-42D6-9FB1-D9AAA1BD2C93}">
      <dgm:prSet/>
      <dgm:spPr/>
      <dgm:t>
        <a:bodyPr/>
        <a:lstStyle/>
        <a:p>
          <a:r>
            <a:rPr lang="en-US"/>
            <a:t>Nee!</a:t>
          </a:r>
        </a:p>
      </dgm:t>
    </dgm:pt>
    <dgm:pt modelId="{C1885BF5-55C0-476A-8236-A42E99C9AB43}" type="parTrans" cxnId="{CF6DB2E1-503D-4D3E-BB17-549A4C56ACD3}">
      <dgm:prSet/>
      <dgm:spPr/>
      <dgm:t>
        <a:bodyPr/>
        <a:lstStyle/>
        <a:p>
          <a:endParaRPr lang="en-US"/>
        </a:p>
      </dgm:t>
    </dgm:pt>
    <dgm:pt modelId="{A29F3298-B190-4D6F-BC02-527F96048874}" type="sibTrans" cxnId="{CF6DB2E1-503D-4D3E-BB17-549A4C56ACD3}">
      <dgm:prSet/>
      <dgm:spPr/>
      <dgm:t>
        <a:bodyPr/>
        <a:lstStyle/>
        <a:p>
          <a:endParaRPr lang="en-US"/>
        </a:p>
      </dgm:t>
    </dgm:pt>
    <dgm:pt modelId="{13E0FEBC-D247-44ED-800B-A388C90DE1C6}">
      <dgm:prSet/>
      <dgm:spPr/>
      <dgm:t>
        <a:bodyPr/>
        <a:lstStyle/>
        <a:p>
          <a:r>
            <a:rPr lang="en-US"/>
            <a:t>Kinderen die voor het eerst naar school gaan</a:t>
          </a:r>
        </a:p>
      </dgm:t>
    </dgm:pt>
    <dgm:pt modelId="{80768F55-3E99-40B9-8BA3-B0087CECCFD5}" type="parTrans" cxnId="{88896D88-9884-4481-922B-5FEAA09A1F9D}">
      <dgm:prSet/>
      <dgm:spPr/>
      <dgm:t>
        <a:bodyPr/>
        <a:lstStyle/>
        <a:p>
          <a:endParaRPr lang="en-US"/>
        </a:p>
      </dgm:t>
    </dgm:pt>
    <dgm:pt modelId="{4E7D8646-568D-438E-B3C5-F3048FCF8B1C}" type="sibTrans" cxnId="{88896D88-9884-4481-922B-5FEAA09A1F9D}">
      <dgm:prSet/>
      <dgm:spPr/>
      <dgm:t>
        <a:bodyPr/>
        <a:lstStyle/>
        <a:p>
          <a:endParaRPr lang="en-US"/>
        </a:p>
      </dgm:t>
    </dgm:pt>
    <dgm:pt modelId="{1F4E9941-B095-4D38-BD46-58BE8CB2646F}">
      <dgm:prSet/>
      <dgm:spPr/>
      <dgm:t>
        <a:bodyPr/>
        <a:lstStyle/>
        <a:p>
          <a:endParaRPr lang="en-US" dirty="0"/>
        </a:p>
      </dgm:t>
    </dgm:pt>
    <dgm:pt modelId="{4EDD134A-E6C5-4CEB-B401-3892E23EE56B}" type="parTrans" cxnId="{FEDF640E-F873-4AD1-8F8F-C059E63771A1}">
      <dgm:prSet/>
      <dgm:spPr/>
      <dgm:t>
        <a:bodyPr/>
        <a:lstStyle/>
        <a:p>
          <a:endParaRPr lang="en-US"/>
        </a:p>
      </dgm:t>
    </dgm:pt>
    <dgm:pt modelId="{0DF3EE7C-682A-4A55-A44A-93156422F76A}" type="sibTrans" cxnId="{FEDF640E-F873-4AD1-8F8F-C059E63771A1}">
      <dgm:prSet/>
      <dgm:spPr/>
      <dgm:t>
        <a:bodyPr/>
        <a:lstStyle/>
        <a:p>
          <a:endParaRPr lang="en-US"/>
        </a:p>
      </dgm:t>
    </dgm:pt>
    <dgm:pt modelId="{5A413374-BA19-4701-AA7E-6C031B4A5E43}">
      <dgm:prSet/>
      <dgm:spPr/>
      <dgm:t>
        <a:bodyPr/>
        <a:lstStyle/>
        <a:p>
          <a:r>
            <a:rPr lang="en-US" dirty="0" err="1"/>
            <a:t>Kinderen</a:t>
          </a:r>
          <a:r>
            <a:rPr lang="en-US" dirty="0"/>
            <a:t> die van school </a:t>
          </a:r>
          <a:r>
            <a:rPr lang="en-US" dirty="0" err="1"/>
            <a:t>willen</a:t>
          </a:r>
          <a:r>
            <a:rPr lang="en-US" dirty="0"/>
            <a:t> </a:t>
          </a:r>
          <a:r>
            <a:rPr lang="en-US" dirty="0" err="1"/>
            <a:t>veranderen</a:t>
          </a:r>
          <a:r>
            <a:rPr lang="en-US" dirty="0"/>
            <a:t> in het </a:t>
          </a:r>
          <a:r>
            <a:rPr lang="en-US" dirty="0" err="1"/>
            <a:t>volgende</a:t>
          </a:r>
          <a:r>
            <a:rPr lang="en-US" dirty="0"/>
            <a:t> </a:t>
          </a:r>
          <a:r>
            <a:rPr lang="en-US" dirty="0" err="1"/>
            <a:t>schooljaar</a:t>
          </a:r>
          <a:endParaRPr lang="en-US" dirty="0"/>
        </a:p>
      </dgm:t>
    </dgm:pt>
    <dgm:pt modelId="{E5381992-166D-4101-A76A-C680B66CA521}" type="parTrans" cxnId="{CA0E394A-1AB9-43CE-88FB-CA26643A2E0D}">
      <dgm:prSet/>
      <dgm:spPr/>
      <dgm:t>
        <a:bodyPr/>
        <a:lstStyle/>
        <a:p>
          <a:endParaRPr lang="en-US"/>
        </a:p>
      </dgm:t>
    </dgm:pt>
    <dgm:pt modelId="{9351D17A-4AB0-4F45-9037-D2AF942CCFA1}" type="sibTrans" cxnId="{CA0E394A-1AB9-43CE-88FB-CA26643A2E0D}">
      <dgm:prSet/>
      <dgm:spPr/>
      <dgm:t>
        <a:bodyPr/>
        <a:lstStyle/>
        <a:p>
          <a:endParaRPr lang="en-US"/>
        </a:p>
      </dgm:t>
    </dgm:pt>
    <dgm:pt modelId="{44A4622F-A746-4F1D-B79D-9DCB7AC9BCA4}" type="pres">
      <dgm:prSet presAssocID="{64BDE512-404D-403B-9A4A-874FFAFB247F}" presName="linear" presStyleCnt="0">
        <dgm:presLayoutVars>
          <dgm:animLvl val="lvl"/>
          <dgm:resizeHandles val="exact"/>
        </dgm:presLayoutVars>
      </dgm:prSet>
      <dgm:spPr/>
    </dgm:pt>
    <dgm:pt modelId="{397332B7-E977-4013-8125-1B276166F2C7}" type="pres">
      <dgm:prSet presAssocID="{BE5F3EC1-382D-42D6-9FB1-D9AAA1BD2C93}" presName="parentText" presStyleLbl="node1" presStyleIdx="0" presStyleCnt="3" custScaleY="34469">
        <dgm:presLayoutVars>
          <dgm:chMax val="0"/>
          <dgm:bulletEnabled val="1"/>
        </dgm:presLayoutVars>
      </dgm:prSet>
      <dgm:spPr/>
    </dgm:pt>
    <dgm:pt modelId="{6FF1E6A0-242D-4E21-AB33-8043D28E71E0}" type="pres">
      <dgm:prSet presAssocID="{A29F3298-B190-4D6F-BC02-527F96048874}" presName="spacer" presStyleCnt="0"/>
      <dgm:spPr/>
    </dgm:pt>
    <dgm:pt modelId="{E29D673F-C62E-42FF-96C2-DA85A39AEA1E}" type="pres">
      <dgm:prSet presAssocID="{13E0FEBC-D247-44ED-800B-A388C90DE1C6}" presName="parentText" presStyleLbl="node1" presStyleIdx="1" presStyleCnt="3">
        <dgm:presLayoutVars>
          <dgm:chMax val="0"/>
          <dgm:bulletEnabled val="1"/>
        </dgm:presLayoutVars>
      </dgm:prSet>
      <dgm:spPr/>
    </dgm:pt>
    <dgm:pt modelId="{0A886C3A-0C77-4E61-85C9-35221018F1C5}" type="pres">
      <dgm:prSet presAssocID="{13E0FEBC-D247-44ED-800B-A388C90DE1C6}" presName="childText" presStyleLbl="revTx" presStyleIdx="0" presStyleCnt="1">
        <dgm:presLayoutVars>
          <dgm:bulletEnabled val="1"/>
        </dgm:presLayoutVars>
      </dgm:prSet>
      <dgm:spPr/>
    </dgm:pt>
    <dgm:pt modelId="{03C477B1-9BF9-4B74-A4FA-C5BD59FD06C7}" type="pres">
      <dgm:prSet presAssocID="{5A413374-BA19-4701-AA7E-6C031B4A5E43}" presName="parentText" presStyleLbl="node1" presStyleIdx="2" presStyleCnt="3">
        <dgm:presLayoutVars>
          <dgm:chMax val="0"/>
          <dgm:bulletEnabled val="1"/>
        </dgm:presLayoutVars>
      </dgm:prSet>
      <dgm:spPr/>
    </dgm:pt>
  </dgm:ptLst>
  <dgm:cxnLst>
    <dgm:cxn modelId="{74805704-8E31-49F1-9B10-2BC75FFCAE16}" type="presOf" srcId="{5A413374-BA19-4701-AA7E-6C031B4A5E43}" destId="{03C477B1-9BF9-4B74-A4FA-C5BD59FD06C7}" srcOrd="0" destOrd="0" presId="urn:microsoft.com/office/officeart/2005/8/layout/vList2"/>
    <dgm:cxn modelId="{FEDF640E-F873-4AD1-8F8F-C059E63771A1}" srcId="{13E0FEBC-D247-44ED-800B-A388C90DE1C6}" destId="{1F4E9941-B095-4D38-BD46-58BE8CB2646F}" srcOrd="0" destOrd="0" parTransId="{4EDD134A-E6C5-4CEB-B401-3892E23EE56B}" sibTransId="{0DF3EE7C-682A-4A55-A44A-93156422F76A}"/>
    <dgm:cxn modelId="{CB30811D-E64B-45D1-8404-4879E7CB725B}" type="presOf" srcId="{64BDE512-404D-403B-9A4A-874FFAFB247F}" destId="{44A4622F-A746-4F1D-B79D-9DCB7AC9BCA4}" srcOrd="0" destOrd="0" presId="urn:microsoft.com/office/officeart/2005/8/layout/vList2"/>
    <dgm:cxn modelId="{EE37D93C-11BF-413B-BB34-F5FD3A1C2741}" type="presOf" srcId="{1F4E9941-B095-4D38-BD46-58BE8CB2646F}" destId="{0A886C3A-0C77-4E61-85C9-35221018F1C5}" srcOrd="0" destOrd="0" presId="urn:microsoft.com/office/officeart/2005/8/layout/vList2"/>
    <dgm:cxn modelId="{CA0E394A-1AB9-43CE-88FB-CA26643A2E0D}" srcId="{64BDE512-404D-403B-9A4A-874FFAFB247F}" destId="{5A413374-BA19-4701-AA7E-6C031B4A5E43}" srcOrd="2" destOrd="0" parTransId="{E5381992-166D-4101-A76A-C680B66CA521}" sibTransId="{9351D17A-4AB0-4F45-9037-D2AF942CCFA1}"/>
    <dgm:cxn modelId="{6FFB7259-53F9-4502-8270-75905258ED1F}" type="presOf" srcId="{BE5F3EC1-382D-42D6-9FB1-D9AAA1BD2C93}" destId="{397332B7-E977-4013-8125-1B276166F2C7}" srcOrd="0" destOrd="0" presId="urn:microsoft.com/office/officeart/2005/8/layout/vList2"/>
    <dgm:cxn modelId="{88896D88-9884-4481-922B-5FEAA09A1F9D}" srcId="{64BDE512-404D-403B-9A4A-874FFAFB247F}" destId="{13E0FEBC-D247-44ED-800B-A388C90DE1C6}" srcOrd="1" destOrd="0" parTransId="{80768F55-3E99-40B9-8BA3-B0087CECCFD5}" sibTransId="{4E7D8646-568D-438E-B3C5-F3048FCF8B1C}"/>
    <dgm:cxn modelId="{C209C1B8-CC54-46C4-B4F5-D304DBAAA182}" type="presOf" srcId="{13E0FEBC-D247-44ED-800B-A388C90DE1C6}" destId="{E29D673F-C62E-42FF-96C2-DA85A39AEA1E}" srcOrd="0" destOrd="0" presId="urn:microsoft.com/office/officeart/2005/8/layout/vList2"/>
    <dgm:cxn modelId="{CF6DB2E1-503D-4D3E-BB17-549A4C56ACD3}" srcId="{64BDE512-404D-403B-9A4A-874FFAFB247F}" destId="{BE5F3EC1-382D-42D6-9FB1-D9AAA1BD2C93}" srcOrd="0" destOrd="0" parTransId="{C1885BF5-55C0-476A-8236-A42E99C9AB43}" sibTransId="{A29F3298-B190-4D6F-BC02-527F96048874}"/>
    <dgm:cxn modelId="{133B3575-79BC-41B4-A2BD-68A2E0E64F8D}" type="presParOf" srcId="{44A4622F-A746-4F1D-B79D-9DCB7AC9BCA4}" destId="{397332B7-E977-4013-8125-1B276166F2C7}" srcOrd="0" destOrd="0" presId="urn:microsoft.com/office/officeart/2005/8/layout/vList2"/>
    <dgm:cxn modelId="{6643299B-9D32-4F89-96C0-7A9AC12ED7C9}" type="presParOf" srcId="{44A4622F-A746-4F1D-B79D-9DCB7AC9BCA4}" destId="{6FF1E6A0-242D-4E21-AB33-8043D28E71E0}" srcOrd="1" destOrd="0" presId="urn:microsoft.com/office/officeart/2005/8/layout/vList2"/>
    <dgm:cxn modelId="{51056141-A4E3-44DD-8774-9B2DF56EC22E}" type="presParOf" srcId="{44A4622F-A746-4F1D-B79D-9DCB7AC9BCA4}" destId="{E29D673F-C62E-42FF-96C2-DA85A39AEA1E}" srcOrd="2" destOrd="0" presId="urn:microsoft.com/office/officeart/2005/8/layout/vList2"/>
    <dgm:cxn modelId="{495BD8AA-25AA-439D-8EE2-F3494C5661F1}" type="presParOf" srcId="{44A4622F-A746-4F1D-B79D-9DCB7AC9BCA4}" destId="{0A886C3A-0C77-4E61-85C9-35221018F1C5}" srcOrd="3" destOrd="0" presId="urn:microsoft.com/office/officeart/2005/8/layout/vList2"/>
    <dgm:cxn modelId="{401BD9AA-4E0F-448F-8EE8-1A60EC785267}" type="presParOf" srcId="{44A4622F-A746-4F1D-B79D-9DCB7AC9BCA4}" destId="{03C477B1-9BF9-4B74-A4FA-C5BD59FD06C7}" srcOrd="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B97709E5-FA9F-4212-AE75-EC5FDF6A909F}" type="doc">
      <dgm:prSet loTypeId="urn:microsoft.com/office/officeart/2008/layout/LinedList" loCatId="list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A8C62583-B569-4BAC-BE16-9DF0133BF8F4}">
      <dgm:prSet custT="1"/>
      <dgm:spPr/>
      <dgm:t>
        <a:bodyPr/>
        <a:lstStyle/>
        <a:p>
          <a:r>
            <a:rPr lang="nl-BE" sz="2000" dirty="0"/>
            <a:t>Neem contact op met de </a:t>
          </a:r>
          <a:r>
            <a:rPr lang="nl-BE" sz="2000" b="1" dirty="0">
              <a:solidFill>
                <a:schemeClr val="accent2">
                  <a:lumMod val="60000"/>
                  <a:lumOff val="40000"/>
                </a:schemeClr>
              </a:solidFill>
            </a:rPr>
            <a:t>helpdesk</a:t>
          </a:r>
          <a:endParaRPr lang="en-US" sz="2000" b="1" dirty="0">
            <a:solidFill>
              <a:schemeClr val="accent2">
                <a:lumMod val="60000"/>
                <a:lumOff val="40000"/>
              </a:schemeClr>
            </a:solidFill>
          </a:endParaRPr>
        </a:p>
      </dgm:t>
    </dgm:pt>
    <dgm:pt modelId="{94B62F43-5E05-43CD-B9E9-D54A796D1A55}" type="parTrans" cxnId="{50A4C0EC-9F56-4630-AD65-A1DDEDD6BFB9}">
      <dgm:prSet/>
      <dgm:spPr/>
      <dgm:t>
        <a:bodyPr/>
        <a:lstStyle/>
        <a:p>
          <a:endParaRPr lang="en-US"/>
        </a:p>
      </dgm:t>
    </dgm:pt>
    <dgm:pt modelId="{9D9E3FAB-3DCE-4A18-A81C-D1400E501DB2}" type="sibTrans" cxnId="{50A4C0EC-9F56-4630-AD65-A1DDEDD6BFB9}">
      <dgm:prSet/>
      <dgm:spPr/>
      <dgm:t>
        <a:bodyPr/>
        <a:lstStyle/>
        <a:p>
          <a:endParaRPr lang="en-US"/>
        </a:p>
      </dgm:t>
    </dgm:pt>
    <dgm:pt modelId="{D0192773-D6D4-4551-AD8A-4D91E597C03F}">
      <dgm:prSet custT="1"/>
      <dgm:spPr/>
      <dgm:t>
        <a:bodyPr/>
        <a:lstStyle/>
        <a:p>
          <a:r>
            <a:rPr lang="nl-BE" sz="2000" u="sng" dirty="0">
              <a:hlinkClick xmlns:r="http://schemas.openxmlformats.org/officeDocument/2006/relationships" r:id="rId1"/>
            </a:rPr>
            <a:t>helpdesk-basis@naarschoolindendermonde.be</a:t>
          </a:r>
          <a:endParaRPr lang="nl-BE" sz="2000" u="sng" dirty="0"/>
        </a:p>
        <a:p>
          <a:r>
            <a:rPr lang="nl-BE" sz="2000" u="sng" dirty="0"/>
            <a:t>TEL : 052 25 10 31</a:t>
          </a:r>
        </a:p>
        <a:p>
          <a:br>
            <a:rPr lang="nl-BE" sz="1500" u="sng" dirty="0"/>
          </a:br>
          <a:endParaRPr lang="en-US" sz="1500" dirty="0"/>
        </a:p>
      </dgm:t>
    </dgm:pt>
    <dgm:pt modelId="{A3608A07-46CC-4C2B-A4CF-9FD0B4593ADF}" type="parTrans" cxnId="{B4371DFE-335A-4554-AC35-F465992EF141}">
      <dgm:prSet/>
      <dgm:spPr/>
      <dgm:t>
        <a:bodyPr/>
        <a:lstStyle/>
        <a:p>
          <a:endParaRPr lang="en-US"/>
        </a:p>
      </dgm:t>
    </dgm:pt>
    <dgm:pt modelId="{CC1700C8-4195-4F7D-98CE-533B70B0F929}" type="sibTrans" cxnId="{B4371DFE-335A-4554-AC35-F465992EF141}">
      <dgm:prSet/>
      <dgm:spPr/>
      <dgm:t>
        <a:bodyPr/>
        <a:lstStyle/>
        <a:p>
          <a:endParaRPr lang="en-US"/>
        </a:p>
      </dgm:t>
    </dgm:pt>
    <dgm:pt modelId="{9B5FA180-B3F6-42EB-90D8-7C7CD5B02CC4}">
      <dgm:prSet/>
      <dgm:spPr/>
      <dgm:t>
        <a:bodyPr/>
        <a:lstStyle/>
        <a:p>
          <a:r>
            <a:rPr lang="nl-BE" dirty="0"/>
            <a:t>Je klacht wordt bezorgd aan de </a:t>
          </a:r>
          <a:r>
            <a:rPr lang="nl-BE" b="1" dirty="0" err="1"/>
            <a:t>Ombudsdienst</a:t>
          </a:r>
          <a:r>
            <a:rPr lang="nl-BE" b="1" dirty="0"/>
            <a:t> Inschrijvingen  van het LOP </a:t>
          </a:r>
          <a:r>
            <a:rPr lang="nl-BE" dirty="0"/>
            <a:t>en zal jou een antwoord bezorgen.</a:t>
          </a:r>
          <a:endParaRPr lang="en-US" dirty="0"/>
        </a:p>
      </dgm:t>
    </dgm:pt>
    <dgm:pt modelId="{17DA721A-AF6F-434B-94A4-AA23F5A0E674}" type="parTrans" cxnId="{08A1CF11-B85F-466A-9E72-20334B46FC0A}">
      <dgm:prSet/>
      <dgm:spPr/>
      <dgm:t>
        <a:bodyPr/>
        <a:lstStyle/>
        <a:p>
          <a:endParaRPr lang="en-US"/>
        </a:p>
      </dgm:t>
    </dgm:pt>
    <dgm:pt modelId="{037FC116-CBDA-45CF-90A3-1DEE9A296A0D}" type="sibTrans" cxnId="{08A1CF11-B85F-466A-9E72-20334B46FC0A}">
      <dgm:prSet/>
      <dgm:spPr/>
      <dgm:t>
        <a:bodyPr/>
        <a:lstStyle/>
        <a:p>
          <a:endParaRPr lang="en-US"/>
        </a:p>
      </dgm:t>
    </dgm:pt>
    <dgm:pt modelId="{A646DE13-A53A-4235-9615-95700D5D66D0}">
      <dgm:prSet/>
      <dgm:spPr/>
      <dgm:t>
        <a:bodyPr/>
        <a:lstStyle/>
        <a:p>
          <a:r>
            <a:rPr lang="nl-BE"/>
            <a:t>Ben je niet tevreden met het antwoord/oplossing ?</a:t>
          </a:r>
          <a:endParaRPr lang="en-US"/>
        </a:p>
      </dgm:t>
    </dgm:pt>
    <dgm:pt modelId="{16A6DB5B-7326-4DFF-8D36-5181BF157944}" type="parTrans" cxnId="{7A6B0C48-EE0B-4BD1-813E-C95DA08D10BE}">
      <dgm:prSet/>
      <dgm:spPr/>
      <dgm:t>
        <a:bodyPr/>
        <a:lstStyle/>
        <a:p>
          <a:endParaRPr lang="en-US"/>
        </a:p>
      </dgm:t>
    </dgm:pt>
    <dgm:pt modelId="{30B27722-A1EA-4B5F-A6F5-0BF336FC9607}" type="sibTrans" cxnId="{7A6B0C48-EE0B-4BD1-813E-C95DA08D10BE}">
      <dgm:prSet/>
      <dgm:spPr/>
      <dgm:t>
        <a:bodyPr/>
        <a:lstStyle/>
        <a:p>
          <a:endParaRPr lang="en-US"/>
        </a:p>
      </dgm:t>
    </dgm:pt>
    <dgm:pt modelId="{A62323D3-E396-454C-A2CE-A75983F10F6A}">
      <dgm:prSet/>
      <dgm:spPr/>
      <dgm:t>
        <a:bodyPr/>
        <a:lstStyle/>
        <a:p>
          <a:r>
            <a:rPr lang="nl-BE" dirty="0"/>
            <a:t>Je kan een klacht indienen bij de Commissie inzake Leerlingenrechten.</a:t>
          </a:r>
          <a:endParaRPr lang="en-US" dirty="0"/>
        </a:p>
      </dgm:t>
    </dgm:pt>
    <dgm:pt modelId="{19AC737D-71EF-4EFA-B234-57C24BA95C31}" type="parTrans" cxnId="{617FCD5F-CFC2-45F6-9351-1811179B0FDF}">
      <dgm:prSet/>
      <dgm:spPr/>
      <dgm:t>
        <a:bodyPr/>
        <a:lstStyle/>
        <a:p>
          <a:endParaRPr lang="en-US"/>
        </a:p>
      </dgm:t>
    </dgm:pt>
    <dgm:pt modelId="{EF72043C-5405-41CE-B1EF-F3AD7D0DC0CF}" type="sibTrans" cxnId="{617FCD5F-CFC2-45F6-9351-1811179B0FDF}">
      <dgm:prSet/>
      <dgm:spPr/>
      <dgm:t>
        <a:bodyPr/>
        <a:lstStyle/>
        <a:p>
          <a:endParaRPr lang="en-US"/>
        </a:p>
      </dgm:t>
    </dgm:pt>
    <dgm:pt modelId="{35EC2A14-6DB2-46B6-8855-1CC12BA378EC}" type="pres">
      <dgm:prSet presAssocID="{B97709E5-FA9F-4212-AE75-EC5FDF6A909F}" presName="vert0" presStyleCnt="0">
        <dgm:presLayoutVars>
          <dgm:dir/>
          <dgm:animOne val="branch"/>
          <dgm:animLvl val="lvl"/>
        </dgm:presLayoutVars>
      </dgm:prSet>
      <dgm:spPr/>
    </dgm:pt>
    <dgm:pt modelId="{B29B1685-050D-4B1B-923F-FE81EABA0638}" type="pres">
      <dgm:prSet presAssocID="{A8C62583-B569-4BAC-BE16-9DF0133BF8F4}" presName="thickLine" presStyleLbl="alignNode1" presStyleIdx="0" presStyleCnt="5"/>
      <dgm:spPr/>
    </dgm:pt>
    <dgm:pt modelId="{642DC257-340B-43E2-BFEE-C475D765901E}" type="pres">
      <dgm:prSet presAssocID="{A8C62583-B569-4BAC-BE16-9DF0133BF8F4}" presName="horz1" presStyleCnt="0"/>
      <dgm:spPr/>
    </dgm:pt>
    <dgm:pt modelId="{957DD144-2E4E-4EDC-8734-E2F7B2A0269D}" type="pres">
      <dgm:prSet presAssocID="{A8C62583-B569-4BAC-BE16-9DF0133BF8F4}" presName="tx1" presStyleLbl="revTx" presStyleIdx="0" presStyleCnt="5"/>
      <dgm:spPr/>
    </dgm:pt>
    <dgm:pt modelId="{488E48D4-8EDE-4253-8A39-FCBE131E042F}" type="pres">
      <dgm:prSet presAssocID="{A8C62583-B569-4BAC-BE16-9DF0133BF8F4}" presName="vert1" presStyleCnt="0"/>
      <dgm:spPr/>
    </dgm:pt>
    <dgm:pt modelId="{F26EEAC3-1A3E-48EC-9B09-6B578EEE4708}" type="pres">
      <dgm:prSet presAssocID="{D0192773-D6D4-4551-AD8A-4D91E597C03F}" presName="thickLine" presStyleLbl="alignNode1" presStyleIdx="1" presStyleCnt="5"/>
      <dgm:spPr/>
    </dgm:pt>
    <dgm:pt modelId="{9A014B0D-05F1-4134-AB35-C4B7320DB03B}" type="pres">
      <dgm:prSet presAssocID="{D0192773-D6D4-4551-AD8A-4D91E597C03F}" presName="horz1" presStyleCnt="0"/>
      <dgm:spPr/>
    </dgm:pt>
    <dgm:pt modelId="{D1109DF1-51D3-45B0-9C62-067AE89B918A}" type="pres">
      <dgm:prSet presAssocID="{D0192773-D6D4-4551-AD8A-4D91E597C03F}" presName="tx1" presStyleLbl="revTx" presStyleIdx="1" presStyleCnt="5"/>
      <dgm:spPr/>
    </dgm:pt>
    <dgm:pt modelId="{A32273A6-6672-48FB-9B1B-B4AC44F4F452}" type="pres">
      <dgm:prSet presAssocID="{D0192773-D6D4-4551-AD8A-4D91E597C03F}" presName="vert1" presStyleCnt="0"/>
      <dgm:spPr/>
    </dgm:pt>
    <dgm:pt modelId="{E4D6415A-EF1C-4A54-9104-8B42AFC6827D}" type="pres">
      <dgm:prSet presAssocID="{9B5FA180-B3F6-42EB-90D8-7C7CD5B02CC4}" presName="thickLine" presStyleLbl="alignNode1" presStyleIdx="2" presStyleCnt="5"/>
      <dgm:spPr/>
    </dgm:pt>
    <dgm:pt modelId="{62CABE6E-73BE-40E2-A3A7-D1ABE98ECFD8}" type="pres">
      <dgm:prSet presAssocID="{9B5FA180-B3F6-42EB-90D8-7C7CD5B02CC4}" presName="horz1" presStyleCnt="0"/>
      <dgm:spPr/>
    </dgm:pt>
    <dgm:pt modelId="{C98990E8-D508-4D34-8F15-926D2EAB9819}" type="pres">
      <dgm:prSet presAssocID="{9B5FA180-B3F6-42EB-90D8-7C7CD5B02CC4}" presName="tx1" presStyleLbl="revTx" presStyleIdx="2" presStyleCnt="5"/>
      <dgm:spPr/>
    </dgm:pt>
    <dgm:pt modelId="{D63C31CA-2AE2-40A9-B09C-05C73C4449CD}" type="pres">
      <dgm:prSet presAssocID="{9B5FA180-B3F6-42EB-90D8-7C7CD5B02CC4}" presName="vert1" presStyleCnt="0"/>
      <dgm:spPr/>
    </dgm:pt>
    <dgm:pt modelId="{020E48EE-78DF-42FD-9D54-EE44A4E291A8}" type="pres">
      <dgm:prSet presAssocID="{A646DE13-A53A-4235-9615-95700D5D66D0}" presName="thickLine" presStyleLbl="alignNode1" presStyleIdx="3" presStyleCnt="5"/>
      <dgm:spPr/>
    </dgm:pt>
    <dgm:pt modelId="{D030B9A0-5A0D-4F00-9AB9-51C38C48FE5A}" type="pres">
      <dgm:prSet presAssocID="{A646DE13-A53A-4235-9615-95700D5D66D0}" presName="horz1" presStyleCnt="0"/>
      <dgm:spPr/>
    </dgm:pt>
    <dgm:pt modelId="{D39C4114-B1DE-4A61-A79E-3EFAF1FB081E}" type="pres">
      <dgm:prSet presAssocID="{A646DE13-A53A-4235-9615-95700D5D66D0}" presName="tx1" presStyleLbl="revTx" presStyleIdx="3" presStyleCnt="5"/>
      <dgm:spPr/>
    </dgm:pt>
    <dgm:pt modelId="{5F2512EC-4FAD-4D03-96B9-C424D0F93821}" type="pres">
      <dgm:prSet presAssocID="{A646DE13-A53A-4235-9615-95700D5D66D0}" presName="vert1" presStyleCnt="0"/>
      <dgm:spPr/>
    </dgm:pt>
    <dgm:pt modelId="{2228C6A3-7960-4625-A4ED-1FE22E9FD618}" type="pres">
      <dgm:prSet presAssocID="{A62323D3-E396-454C-A2CE-A75983F10F6A}" presName="thickLine" presStyleLbl="alignNode1" presStyleIdx="4" presStyleCnt="5"/>
      <dgm:spPr/>
    </dgm:pt>
    <dgm:pt modelId="{8BE3F302-7EC4-441A-A38A-D1E7C1B406D4}" type="pres">
      <dgm:prSet presAssocID="{A62323D3-E396-454C-A2CE-A75983F10F6A}" presName="horz1" presStyleCnt="0"/>
      <dgm:spPr/>
    </dgm:pt>
    <dgm:pt modelId="{D6D6C8F9-612A-4714-8935-937D1E8F760E}" type="pres">
      <dgm:prSet presAssocID="{A62323D3-E396-454C-A2CE-A75983F10F6A}" presName="tx1" presStyleLbl="revTx" presStyleIdx="4" presStyleCnt="5"/>
      <dgm:spPr/>
    </dgm:pt>
    <dgm:pt modelId="{EA833688-2CB1-4F80-B920-9A70441365A9}" type="pres">
      <dgm:prSet presAssocID="{A62323D3-E396-454C-A2CE-A75983F10F6A}" presName="vert1" presStyleCnt="0"/>
      <dgm:spPr/>
    </dgm:pt>
  </dgm:ptLst>
  <dgm:cxnLst>
    <dgm:cxn modelId="{22359610-810C-42A9-B371-46A8DE2F18CE}" type="presOf" srcId="{9B5FA180-B3F6-42EB-90D8-7C7CD5B02CC4}" destId="{C98990E8-D508-4D34-8F15-926D2EAB9819}" srcOrd="0" destOrd="0" presId="urn:microsoft.com/office/officeart/2008/layout/LinedList"/>
    <dgm:cxn modelId="{08A1CF11-B85F-466A-9E72-20334B46FC0A}" srcId="{B97709E5-FA9F-4212-AE75-EC5FDF6A909F}" destId="{9B5FA180-B3F6-42EB-90D8-7C7CD5B02CC4}" srcOrd="2" destOrd="0" parTransId="{17DA721A-AF6F-434B-94A4-AA23F5A0E674}" sibTransId="{037FC116-CBDA-45CF-90A3-1DEE9A296A0D}"/>
    <dgm:cxn modelId="{55EC725E-5388-46D7-AAF7-EBA66120C3B8}" type="presOf" srcId="{A62323D3-E396-454C-A2CE-A75983F10F6A}" destId="{D6D6C8F9-612A-4714-8935-937D1E8F760E}" srcOrd="0" destOrd="0" presId="urn:microsoft.com/office/officeart/2008/layout/LinedList"/>
    <dgm:cxn modelId="{617FCD5F-CFC2-45F6-9351-1811179B0FDF}" srcId="{B97709E5-FA9F-4212-AE75-EC5FDF6A909F}" destId="{A62323D3-E396-454C-A2CE-A75983F10F6A}" srcOrd="4" destOrd="0" parTransId="{19AC737D-71EF-4EFA-B234-57C24BA95C31}" sibTransId="{EF72043C-5405-41CE-B1EF-F3AD7D0DC0CF}"/>
    <dgm:cxn modelId="{7A6B0C48-EE0B-4BD1-813E-C95DA08D10BE}" srcId="{B97709E5-FA9F-4212-AE75-EC5FDF6A909F}" destId="{A646DE13-A53A-4235-9615-95700D5D66D0}" srcOrd="3" destOrd="0" parTransId="{16A6DB5B-7326-4DFF-8D36-5181BF157944}" sibTransId="{30B27722-A1EA-4B5F-A6F5-0BF336FC9607}"/>
    <dgm:cxn modelId="{0B652585-8F78-4133-8E28-4F9091882CC8}" type="presOf" srcId="{B97709E5-FA9F-4212-AE75-EC5FDF6A909F}" destId="{35EC2A14-6DB2-46B6-8855-1CC12BA378EC}" srcOrd="0" destOrd="0" presId="urn:microsoft.com/office/officeart/2008/layout/LinedList"/>
    <dgm:cxn modelId="{DE5D3AA5-FEE1-4960-8B08-005891779306}" type="presOf" srcId="{A646DE13-A53A-4235-9615-95700D5D66D0}" destId="{D39C4114-B1DE-4A61-A79E-3EFAF1FB081E}" srcOrd="0" destOrd="0" presId="urn:microsoft.com/office/officeart/2008/layout/LinedList"/>
    <dgm:cxn modelId="{6ECEFECF-CD19-454E-BB24-A1191BF8316D}" type="presOf" srcId="{A8C62583-B569-4BAC-BE16-9DF0133BF8F4}" destId="{957DD144-2E4E-4EDC-8734-E2F7B2A0269D}" srcOrd="0" destOrd="0" presId="urn:microsoft.com/office/officeart/2008/layout/LinedList"/>
    <dgm:cxn modelId="{E09B60D2-5490-444E-909B-21390A03E539}" type="presOf" srcId="{D0192773-D6D4-4551-AD8A-4D91E597C03F}" destId="{D1109DF1-51D3-45B0-9C62-067AE89B918A}" srcOrd="0" destOrd="0" presId="urn:microsoft.com/office/officeart/2008/layout/LinedList"/>
    <dgm:cxn modelId="{50A4C0EC-9F56-4630-AD65-A1DDEDD6BFB9}" srcId="{B97709E5-FA9F-4212-AE75-EC5FDF6A909F}" destId="{A8C62583-B569-4BAC-BE16-9DF0133BF8F4}" srcOrd="0" destOrd="0" parTransId="{94B62F43-5E05-43CD-B9E9-D54A796D1A55}" sibTransId="{9D9E3FAB-3DCE-4A18-A81C-D1400E501DB2}"/>
    <dgm:cxn modelId="{B4371DFE-335A-4554-AC35-F465992EF141}" srcId="{B97709E5-FA9F-4212-AE75-EC5FDF6A909F}" destId="{D0192773-D6D4-4551-AD8A-4D91E597C03F}" srcOrd="1" destOrd="0" parTransId="{A3608A07-46CC-4C2B-A4CF-9FD0B4593ADF}" sibTransId="{CC1700C8-4195-4F7D-98CE-533B70B0F929}"/>
    <dgm:cxn modelId="{B4063C0E-F637-4CF9-85B4-A4C9909876CF}" type="presParOf" srcId="{35EC2A14-6DB2-46B6-8855-1CC12BA378EC}" destId="{B29B1685-050D-4B1B-923F-FE81EABA0638}" srcOrd="0" destOrd="0" presId="urn:microsoft.com/office/officeart/2008/layout/LinedList"/>
    <dgm:cxn modelId="{BCA2C224-977A-482A-9963-553F6C47AC7B}" type="presParOf" srcId="{35EC2A14-6DB2-46B6-8855-1CC12BA378EC}" destId="{642DC257-340B-43E2-BFEE-C475D765901E}" srcOrd="1" destOrd="0" presId="urn:microsoft.com/office/officeart/2008/layout/LinedList"/>
    <dgm:cxn modelId="{502BCFEB-64D5-417C-8028-61EAD7E38806}" type="presParOf" srcId="{642DC257-340B-43E2-BFEE-C475D765901E}" destId="{957DD144-2E4E-4EDC-8734-E2F7B2A0269D}" srcOrd="0" destOrd="0" presId="urn:microsoft.com/office/officeart/2008/layout/LinedList"/>
    <dgm:cxn modelId="{256B828E-2875-4578-A6B3-BA0B6D7C0050}" type="presParOf" srcId="{642DC257-340B-43E2-BFEE-C475D765901E}" destId="{488E48D4-8EDE-4253-8A39-FCBE131E042F}" srcOrd="1" destOrd="0" presId="urn:microsoft.com/office/officeart/2008/layout/LinedList"/>
    <dgm:cxn modelId="{86D5044F-F51B-49EA-9193-311560F1D069}" type="presParOf" srcId="{35EC2A14-6DB2-46B6-8855-1CC12BA378EC}" destId="{F26EEAC3-1A3E-48EC-9B09-6B578EEE4708}" srcOrd="2" destOrd="0" presId="urn:microsoft.com/office/officeart/2008/layout/LinedList"/>
    <dgm:cxn modelId="{6C28BA0F-046C-4045-9122-7912C2CC34E2}" type="presParOf" srcId="{35EC2A14-6DB2-46B6-8855-1CC12BA378EC}" destId="{9A014B0D-05F1-4134-AB35-C4B7320DB03B}" srcOrd="3" destOrd="0" presId="urn:microsoft.com/office/officeart/2008/layout/LinedList"/>
    <dgm:cxn modelId="{947BAD77-19E9-4AA8-A726-D10E694E8A19}" type="presParOf" srcId="{9A014B0D-05F1-4134-AB35-C4B7320DB03B}" destId="{D1109DF1-51D3-45B0-9C62-067AE89B918A}" srcOrd="0" destOrd="0" presId="urn:microsoft.com/office/officeart/2008/layout/LinedList"/>
    <dgm:cxn modelId="{78B82BAA-372A-4CF9-B411-381C026FDF1C}" type="presParOf" srcId="{9A014B0D-05F1-4134-AB35-C4B7320DB03B}" destId="{A32273A6-6672-48FB-9B1B-B4AC44F4F452}" srcOrd="1" destOrd="0" presId="urn:microsoft.com/office/officeart/2008/layout/LinedList"/>
    <dgm:cxn modelId="{F832CEA1-E0D4-42D5-9E12-2755802BAC25}" type="presParOf" srcId="{35EC2A14-6DB2-46B6-8855-1CC12BA378EC}" destId="{E4D6415A-EF1C-4A54-9104-8B42AFC6827D}" srcOrd="4" destOrd="0" presId="urn:microsoft.com/office/officeart/2008/layout/LinedList"/>
    <dgm:cxn modelId="{29A8166A-B0BD-42CD-9FC0-00F51698D54F}" type="presParOf" srcId="{35EC2A14-6DB2-46B6-8855-1CC12BA378EC}" destId="{62CABE6E-73BE-40E2-A3A7-D1ABE98ECFD8}" srcOrd="5" destOrd="0" presId="urn:microsoft.com/office/officeart/2008/layout/LinedList"/>
    <dgm:cxn modelId="{612E96D5-D2DB-48B2-9BB8-FF00A8C777F6}" type="presParOf" srcId="{62CABE6E-73BE-40E2-A3A7-D1ABE98ECFD8}" destId="{C98990E8-D508-4D34-8F15-926D2EAB9819}" srcOrd="0" destOrd="0" presId="urn:microsoft.com/office/officeart/2008/layout/LinedList"/>
    <dgm:cxn modelId="{B3178009-459D-4773-B79E-EF246F08260D}" type="presParOf" srcId="{62CABE6E-73BE-40E2-A3A7-D1ABE98ECFD8}" destId="{D63C31CA-2AE2-40A9-B09C-05C73C4449CD}" srcOrd="1" destOrd="0" presId="urn:microsoft.com/office/officeart/2008/layout/LinedList"/>
    <dgm:cxn modelId="{F1D10F9E-8EE5-4CA4-B1D3-DFFED6FDD134}" type="presParOf" srcId="{35EC2A14-6DB2-46B6-8855-1CC12BA378EC}" destId="{020E48EE-78DF-42FD-9D54-EE44A4E291A8}" srcOrd="6" destOrd="0" presId="urn:microsoft.com/office/officeart/2008/layout/LinedList"/>
    <dgm:cxn modelId="{0EDF695F-2834-41C8-BAB8-D3219B408F1D}" type="presParOf" srcId="{35EC2A14-6DB2-46B6-8855-1CC12BA378EC}" destId="{D030B9A0-5A0D-4F00-9AB9-51C38C48FE5A}" srcOrd="7" destOrd="0" presId="urn:microsoft.com/office/officeart/2008/layout/LinedList"/>
    <dgm:cxn modelId="{937A76DE-4236-4003-B75C-B4603F8AE32C}" type="presParOf" srcId="{D030B9A0-5A0D-4F00-9AB9-51C38C48FE5A}" destId="{D39C4114-B1DE-4A61-A79E-3EFAF1FB081E}" srcOrd="0" destOrd="0" presId="urn:microsoft.com/office/officeart/2008/layout/LinedList"/>
    <dgm:cxn modelId="{49B6DDBC-52EA-4766-914A-38E915086CC4}" type="presParOf" srcId="{D030B9A0-5A0D-4F00-9AB9-51C38C48FE5A}" destId="{5F2512EC-4FAD-4D03-96B9-C424D0F93821}" srcOrd="1" destOrd="0" presId="urn:microsoft.com/office/officeart/2008/layout/LinedList"/>
    <dgm:cxn modelId="{8AB25FF3-B0EA-4FF4-AD1B-D6D94B6F4709}" type="presParOf" srcId="{35EC2A14-6DB2-46B6-8855-1CC12BA378EC}" destId="{2228C6A3-7960-4625-A4ED-1FE22E9FD618}" srcOrd="8" destOrd="0" presId="urn:microsoft.com/office/officeart/2008/layout/LinedList"/>
    <dgm:cxn modelId="{11BE4F24-758B-4229-B21F-F8972E160AA6}" type="presParOf" srcId="{35EC2A14-6DB2-46B6-8855-1CC12BA378EC}" destId="{8BE3F302-7EC4-441A-A38A-D1E7C1B406D4}" srcOrd="9" destOrd="0" presId="urn:microsoft.com/office/officeart/2008/layout/LinedList"/>
    <dgm:cxn modelId="{E2C8CD73-81E3-410D-A5A0-73B18E98B702}" type="presParOf" srcId="{8BE3F302-7EC4-441A-A38A-D1E7C1B406D4}" destId="{D6D6C8F9-612A-4714-8935-937D1E8F760E}" srcOrd="0" destOrd="0" presId="urn:microsoft.com/office/officeart/2008/layout/LinedList"/>
    <dgm:cxn modelId="{FDE4CEED-BCFB-424C-9386-F0D6F8A1AB50}" type="presParOf" srcId="{8BE3F302-7EC4-441A-A38A-D1E7C1B406D4}" destId="{EA833688-2CB1-4F80-B920-9A70441365A9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DA25F214-E6E8-4CA8-B49B-B8F6694307D9}" type="doc">
      <dgm:prSet loTypeId="urn:microsoft.com/office/officeart/2005/8/layout/process4" loCatId="process" qsTypeId="urn:microsoft.com/office/officeart/2005/8/quickstyle/simple1" qsCatId="simple" csTypeId="urn:microsoft.com/office/officeart/2005/8/colors/colorful1" csCatId="colorful"/>
      <dgm:spPr/>
      <dgm:t>
        <a:bodyPr/>
        <a:lstStyle/>
        <a:p>
          <a:endParaRPr lang="en-US"/>
        </a:p>
      </dgm:t>
    </dgm:pt>
    <dgm:pt modelId="{7323BB23-146B-447A-91BB-6E3E9A1CAEEE}">
      <dgm:prSet/>
      <dgm:spPr/>
      <dgm:t>
        <a:bodyPr/>
        <a:lstStyle/>
        <a:p>
          <a:r>
            <a:rPr lang="en-US"/>
            <a:t>Waar kan je terecht om digitaal aan te melden ?</a:t>
          </a:r>
          <a:br>
            <a:rPr lang="en-US"/>
          </a:br>
          <a:endParaRPr lang="en-US"/>
        </a:p>
      </dgm:t>
    </dgm:pt>
    <dgm:pt modelId="{9F416A26-FC2B-47EE-98D3-D3E12EC82B83}" type="parTrans" cxnId="{971DF558-7D5B-4B30-8FCB-41A794CDC51B}">
      <dgm:prSet/>
      <dgm:spPr/>
      <dgm:t>
        <a:bodyPr/>
        <a:lstStyle/>
        <a:p>
          <a:endParaRPr lang="en-US"/>
        </a:p>
      </dgm:t>
    </dgm:pt>
    <dgm:pt modelId="{CCDC7B3D-59CA-47B5-8B6A-A47F18B409E9}" type="sibTrans" cxnId="{971DF558-7D5B-4B30-8FCB-41A794CDC51B}">
      <dgm:prSet/>
      <dgm:spPr/>
      <dgm:t>
        <a:bodyPr/>
        <a:lstStyle/>
        <a:p>
          <a:endParaRPr lang="en-US"/>
        </a:p>
      </dgm:t>
    </dgm:pt>
    <dgm:pt modelId="{AA7DF32C-876C-42EB-B7E5-1CB1E2B6BF6F}">
      <dgm:prSet/>
      <dgm:spPr/>
      <dgm:t>
        <a:bodyPr/>
        <a:lstStyle/>
        <a:p>
          <a:r>
            <a:rPr lang="en-US"/>
            <a:t>Alle scholen van Dendermonde</a:t>
          </a:r>
        </a:p>
      </dgm:t>
    </dgm:pt>
    <dgm:pt modelId="{7B313602-07EF-4769-8C7A-FC69D1E3B975}" type="parTrans" cxnId="{4E5F534A-27E3-4890-9869-6E019C8811CA}">
      <dgm:prSet/>
      <dgm:spPr/>
      <dgm:t>
        <a:bodyPr/>
        <a:lstStyle/>
        <a:p>
          <a:endParaRPr lang="en-US"/>
        </a:p>
      </dgm:t>
    </dgm:pt>
    <dgm:pt modelId="{C7496D06-D9E2-4ACB-9EC5-4BE09BF5B2D2}" type="sibTrans" cxnId="{4E5F534A-27E3-4890-9869-6E019C8811CA}">
      <dgm:prSet/>
      <dgm:spPr/>
      <dgm:t>
        <a:bodyPr/>
        <a:lstStyle/>
        <a:p>
          <a:endParaRPr lang="en-US"/>
        </a:p>
      </dgm:t>
    </dgm:pt>
    <dgm:pt modelId="{3BD20AEB-BE42-40F0-A1C1-0C0BE48AE04D}">
      <dgm:prSet/>
      <dgm:spPr/>
      <dgm:t>
        <a:bodyPr/>
        <a:lstStyle/>
        <a:p>
          <a:r>
            <a:rPr lang="en-US"/>
            <a:t>De Kroon – Huis van het Kind – Kroonveldlaan 40 c</a:t>
          </a:r>
        </a:p>
      </dgm:t>
    </dgm:pt>
    <dgm:pt modelId="{1CD03B4C-C22C-400B-92E1-1AB9E3DDE9E1}" type="parTrans" cxnId="{2967F909-8466-4AC0-811B-E80C6FDCF3A2}">
      <dgm:prSet/>
      <dgm:spPr/>
      <dgm:t>
        <a:bodyPr/>
        <a:lstStyle/>
        <a:p>
          <a:endParaRPr lang="en-US"/>
        </a:p>
      </dgm:t>
    </dgm:pt>
    <dgm:pt modelId="{3798A5D0-0962-40CC-9BC6-53C854E42420}" type="sibTrans" cxnId="{2967F909-8466-4AC0-811B-E80C6FDCF3A2}">
      <dgm:prSet/>
      <dgm:spPr/>
      <dgm:t>
        <a:bodyPr/>
        <a:lstStyle/>
        <a:p>
          <a:endParaRPr lang="en-US"/>
        </a:p>
      </dgm:t>
    </dgm:pt>
    <dgm:pt modelId="{C0C33C3B-8AF8-4F92-AEBF-46B7A3E80674}">
      <dgm:prSet/>
      <dgm:spPr/>
      <dgm:t>
        <a:bodyPr/>
        <a:lstStyle/>
        <a:p>
          <a:r>
            <a:rPr lang="en-US"/>
            <a:t>Digipunt – Lodewijk Dosfelstraat 26 (ingang via de Kapittelstraat)</a:t>
          </a:r>
        </a:p>
      </dgm:t>
    </dgm:pt>
    <dgm:pt modelId="{5E8F1466-6FB7-42C1-BA07-431107584271}" type="parTrans" cxnId="{2D54DE60-1AEF-4819-837C-C7053D53D52B}">
      <dgm:prSet/>
      <dgm:spPr/>
      <dgm:t>
        <a:bodyPr/>
        <a:lstStyle/>
        <a:p>
          <a:endParaRPr lang="en-US"/>
        </a:p>
      </dgm:t>
    </dgm:pt>
    <dgm:pt modelId="{89A9E4DF-20B2-4978-9231-83F85E6F7C57}" type="sibTrans" cxnId="{2D54DE60-1AEF-4819-837C-C7053D53D52B}">
      <dgm:prSet/>
      <dgm:spPr/>
      <dgm:t>
        <a:bodyPr/>
        <a:lstStyle/>
        <a:p>
          <a:endParaRPr lang="en-US"/>
        </a:p>
      </dgm:t>
    </dgm:pt>
    <dgm:pt modelId="{0FE0F4A0-9362-4F36-B7E0-8E4166F55382}">
      <dgm:prSet/>
      <dgm:spPr/>
      <dgm:t>
        <a:bodyPr/>
        <a:lstStyle/>
        <a:p>
          <a:r>
            <a:rPr lang="en-US"/>
            <a:t>VCLB  Waas en Dender – Dijkstraat 43</a:t>
          </a:r>
        </a:p>
      </dgm:t>
    </dgm:pt>
    <dgm:pt modelId="{82E379AD-3F77-4CC8-B4ED-9BD0DEB6E6EA}" type="parTrans" cxnId="{382ACC4F-0B96-41F0-BD76-ECAE119A7BA7}">
      <dgm:prSet/>
      <dgm:spPr/>
      <dgm:t>
        <a:bodyPr/>
        <a:lstStyle/>
        <a:p>
          <a:endParaRPr lang="en-US"/>
        </a:p>
      </dgm:t>
    </dgm:pt>
    <dgm:pt modelId="{248E3B48-4618-460C-88BD-84D7F88EAF3D}" type="sibTrans" cxnId="{382ACC4F-0B96-41F0-BD76-ECAE119A7BA7}">
      <dgm:prSet/>
      <dgm:spPr/>
      <dgm:t>
        <a:bodyPr/>
        <a:lstStyle/>
        <a:p>
          <a:endParaRPr lang="en-US"/>
        </a:p>
      </dgm:t>
    </dgm:pt>
    <dgm:pt modelId="{51BAFDC4-777F-4F95-8027-09CD598BF592}">
      <dgm:prSet/>
      <dgm:spPr/>
      <dgm:t>
        <a:bodyPr/>
        <a:lstStyle/>
        <a:p>
          <a:r>
            <a:rPr lang="en-US"/>
            <a:t>GO! CLB PRISMA – Grote Markt 25</a:t>
          </a:r>
        </a:p>
      </dgm:t>
    </dgm:pt>
    <dgm:pt modelId="{A6259E68-24AD-4307-A2B7-384B737F4A94}" type="parTrans" cxnId="{2F351943-D6E3-4CAB-8BC7-45C7DF534E52}">
      <dgm:prSet/>
      <dgm:spPr/>
      <dgm:t>
        <a:bodyPr/>
        <a:lstStyle/>
        <a:p>
          <a:endParaRPr lang="en-US"/>
        </a:p>
      </dgm:t>
    </dgm:pt>
    <dgm:pt modelId="{495AF870-D036-4EBF-BAF7-426A4CCA67CD}" type="sibTrans" cxnId="{2F351943-D6E3-4CAB-8BC7-45C7DF534E52}">
      <dgm:prSet/>
      <dgm:spPr/>
      <dgm:t>
        <a:bodyPr/>
        <a:lstStyle/>
        <a:p>
          <a:endParaRPr lang="en-US"/>
        </a:p>
      </dgm:t>
    </dgm:pt>
    <dgm:pt modelId="{B75C7EF0-A841-46F4-B8F7-9B2940142014}">
      <dgm:prSet/>
      <dgm:spPr/>
      <dgm:t>
        <a:bodyPr/>
        <a:lstStyle/>
        <a:p>
          <a:r>
            <a:rPr lang="en-US"/>
            <a:t>Brugfiguren</a:t>
          </a:r>
        </a:p>
      </dgm:t>
    </dgm:pt>
    <dgm:pt modelId="{28061FE9-DFC6-46BD-BED2-7F2E08190E41}" type="parTrans" cxnId="{84EF9169-E774-402B-B2B7-61D27F3FB611}">
      <dgm:prSet/>
      <dgm:spPr/>
      <dgm:t>
        <a:bodyPr/>
        <a:lstStyle/>
        <a:p>
          <a:endParaRPr lang="en-US"/>
        </a:p>
      </dgm:t>
    </dgm:pt>
    <dgm:pt modelId="{81D170D9-B6B0-4E30-9B67-981F15D555B2}" type="sibTrans" cxnId="{84EF9169-E774-402B-B2B7-61D27F3FB611}">
      <dgm:prSet/>
      <dgm:spPr/>
      <dgm:t>
        <a:bodyPr/>
        <a:lstStyle/>
        <a:p>
          <a:endParaRPr lang="en-US"/>
        </a:p>
      </dgm:t>
    </dgm:pt>
    <dgm:pt modelId="{AEA27734-2259-4007-BDDC-53AFEEB081BC}" type="pres">
      <dgm:prSet presAssocID="{DA25F214-E6E8-4CA8-B49B-B8F6694307D9}" presName="Name0" presStyleCnt="0">
        <dgm:presLayoutVars>
          <dgm:dir/>
          <dgm:animLvl val="lvl"/>
          <dgm:resizeHandles val="exact"/>
        </dgm:presLayoutVars>
      </dgm:prSet>
      <dgm:spPr/>
    </dgm:pt>
    <dgm:pt modelId="{76A0AB9D-37A1-413A-8898-DA5043400B5C}" type="pres">
      <dgm:prSet presAssocID="{7323BB23-146B-447A-91BB-6E3E9A1CAEEE}" presName="boxAndChildren" presStyleCnt="0"/>
      <dgm:spPr/>
    </dgm:pt>
    <dgm:pt modelId="{51C65A1B-FE81-4CD2-B6A1-47C98ADC07EB}" type="pres">
      <dgm:prSet presAssocID="{7323BB23-146B-447A-91BB-6E3E9A1CAEEE}" presName="parentTextBox" presStyleLbl="node1" presStyleIdx="0" presStyleCnt="1"/>
      <dgm:spPr/>
    </dgm:pt>
    <dgm:pt modelId="{DD12F88F-678F-4353-939B-6E251DD95DFE}" type="pres">
      <dgm:prSet presAssocID="{7323BB23-146B-447A-91BB-6E3E9A1CAEEE}" presName="entireBox" presStyleLbl="node1" presStyleIdx="0" presStyleCnt="1"/>
      <dgm:spPr/>
    </dgm:pt>
    <dgm:pt modelId="{110E551D-1A0B-422A-A00F-9D8E4E0AF4DB}" type="pres">
      <dgm:prSet presAssocID="{7323BB23-146B-447A-91BB-6E3E9A1CAEEE}" presName="descendantBox" presStyleCnt="0"/>
      <dgm:spPr/>
    </dgm:pt>
    <dgm:pt modelId="{0A40FE97-95AB-47E9-940C-761CA4FEB040}" type="pres">
      <dgm:prSet presAssocID="{AA7DF32C-876C-42EB-B7E5-1CB1E2B6BF6F}" presName="childTextBox" presStyleLbl="fgAccFollowNode1" presStyleIdx="0" presStyleCnt="6">
        <dgm:presLayoutVars>
          <dgm:bulletEnabled val="1"/>
        </dgm:presLayoutVars>
      </dgm:prSet>
      <dgm:spPr/>
    </dgm:pt>
    <dgm:pt modelId="{792A8B9B-4278-4218-A7EB-5A80394BA39B}" type="pres">
      <dgm:prSet presAssocID="{3BD20AEB-BE42-40F0-A1C1-0C0BE48AE04D}" presName="childTextBox" presStyleLbl="fgAccFollowNode1" presStyleIdx="1" presStyleCnt="6">
        <dgm:presLayoutVars>
          <dgm:bulletEnabled val="1"/>
        </dgm:presLayoutVars>
      </dgm:prSet>
      <dgm:spPr/>
    </dgm:pt>
    <dgm:pt modelId="{928BF733-022F-4AE1-8F3B-918E60061F46}" type="pres">
      <dgm:prSet presAssocID="{C0C33C3B-8AF8-4F92-AEBF-46B7A3E80674}" presName="childTextBox" presStyleLbl="fgAccFollowNode1" presStyleIdx="2" presStyleCnt="6">
        <dgm:presLayoutVars>
          <dgm:bulletEnabled val="1"/>
        </dgm:presLayoutVars>
      </dgm:prSet>
      <dgm:spPr/>
    </dgm:pt>
    <dgm:pt modelId="{DFF904B4-8F65-498E-912B-BF5B3B193B03}" type="pres">
      <dgm:prSet presAssocID="{0FE0F4A0-9362-4F36-B7E0-8E4166F55382}" presName="childTextBox" presStyleLbl="fgAccFollowNode1" presStyleIdx="3" presStyleCnt="6">
        <dgm:presLayoutVars>
          <dgm:bulletEnabled val="1"/>
        </dgm:presLayoutVars>
      </dgm:prSet>
      <dgm:spPr/>
    </dgm:pt>
    <dgm:pt modelId="{95D852CF-4ADC-43FC-8879-B3F8A6442A6E}" type="pres">
      <dgm:prSet presAssocID="{51BAFDC4-777F-4F95-8027-09CD598BF592}" presName="childTextBox" presStyleLbl="fgAccFollowNode1" presStyleIdx="4" presStyleCnt="6">
        <dgm:presLayoutVars>
          <dgm:bulletEnabled val="1"/>
        </dgm:presLayoutVars>
      </dgm:prSet>
      <dgm:spPr/>
    </dgm:pt>
    <dgm:pt modelId="{DDEDF3F6-EE0B-4D1F-BEB2-F657F835AFD5}" type="pres">
      <dgm:prSet presAssocID="{B75C7EF0-A841-46F4-B8F7-9B2940142014}" presName="childTextBox" presStyleLbl="fgAccFollowNode1" presStyleIdx="5" presStyleCnt="6">
        <dgm:presLayoutVars>
          <dgm:bulletEnabled val="1"/>
        </dgm:presLayoutVars>
      </dgm:prSet>
      <dgm:spPr/>
    </dgm:pt>
  </dgm:ptLst>
  <dgm:cxnLst>
    <dgm:cxn modelId="{2967F909-8466-4AC0-811B-E80C6FDCF3A2}" srcId="{7323BB23-146B-447A-91BB-6E3E9A1CAEEE}" destId="{3BD20AEB-BE42-40F0-A1C1-0C0BE48AE04D}" srcOrd="1" destOrd="0" parTransId="{1CD03B4C-C22C-400B-92E1-1AB9E3DDE9E1}" sibTransId="{3798A5D0-0962-40CC-9BC6-53C854E42420}"/>
    <dgm:cxn modelId="{2D54DE60-1AEF-4819-837C-C7053D53D52B}" srcId="{7323BB23-146B-447A-91BB-6E3E9A1CAEEE}" destId="{C0C33C3B-8AF8-4F92-AEBF-46B7A3E80674}" srcOrd="2" destOrd="0" parTransId="{5E8F1466-6FB7-42C1-BA07-431107584271}" sibTransId="{89A9E4DF-20B2-4978-9231-83F85E6F7C57}"/>
    <dgm:cxn modelId="{2F351943-D6E3-4CAB-8BC7-45C7DF534E52}" srcId="{7323BB23-146B-447A-91BB-6E3E9A1CAEEE}" destId="{51BAFDC4-777F-4F95-8027-09CD598BF592}" srcOrd="4" destOrd="0" parTransId="{A6259E68-24AD-4307-A2B7-384B737F4A94}" sibTransId="{495AF870-D036-4EBF-BAF7-426A4CCA67CD}"/>
    <dgm:cxn modelId="{84EF9169-E774-402B-B2B7-61D27F3FB611}" srcId="{7323BB23-146B-447A-91BB-6E3E9A1CAEEE}" destId="{B75C7EF0-A841-46F4-B8F7-9B2940142014}" srcOrd="5" destOrd="0" parTransId="{28061FE9-DFC6-46BD-BED2-7F2E08190E41}" sibTransId="{81D170D9-B6B0-4E30-9B67-981F15D555B2}"/>
    <dgm:cxn modelId="{4E5F534A-27E3-4890-9869-6E019C8811CA}" srcId="{7323BB23-146B-447A-91BB-6E3E9A1CAEEE}" destId="{AA7DF32C-876C-42EB-B7E5-1CB1E2B6BF6F}" srcOrd="0" destOrd="0" parTransId="{7B313602-07EF-4769-8C7A-FC69D1E3B975}" sibTransId="{C7496D06-D9E2-4ACB-9EC5-4BE09BF5B2D2}"/>
    <dgm:cxn modelId="{382ACC4F-0B96-41F0-BD76-ECAE119A7BA7}" srcId="{7323BB23-146B-447A-91BB-6E3E9A1CAEEE}" destId="{0FE0F4A0-9362-4F36-B7E0-8E4166F55382}" srcOrd="3" destOrd="0" parTransId="{82E379AD-3F77-4CC8-B4ED-9BD0DEB6E6EA}" sibTransId="{248E3B48-4618-460C-88BD-84D7F88EAF3D}"/>
    <dgm:cxn modelId="{3C312073-D55E-40D5-8A60-021B052DF23E}" type="presOf" srcId="{7323BB23-146B-447A-91BB-6E3E9A1CAEEE}" destId="{51C65A1B-FE81-4CD2-B6A1-47C98ADC07EB}" srcOrd="0" destOrd="0" presId="urn:microsoft.com/office/officeart/2005/8/layout/process4"/>
    <dgm:cxn modelId="{26C1F753-3ECB-485D-9917-EC6115B90A32}" type="presOf" srcId="{DA25F214-E6E8-4CA8-B49B-B8F6694307D9}" destId="{AEA27734-2259-4007-BDDC-53AFEEB081BC}" srcOrd="0" destOrd="0" presId="urn:microsoft.com/office/officeart/2005/8/layout/process4"/>
    <dgm:cxn modelId="{1DB6E956-C7D2-44E2-809B-A170CDDB9945}" type="presOf" srcId="{51BAFDC4-777F-4F95-8027-09CD598BF592}" destId="{95D852CF-4ADC-43FC-8879-B3F8A6442A6E}" srcOrd="0" destOrd="0" presId="urn:microsoft.com/office/officeart/2005/8/layout/process4"/>
    <dgm:cxn modelId="{971DF558-7D5B-4B30-8FCB-41A794CDC51B}" srcId="{DA25F214-E6E8-4CA8-B49B-B8F6694307D9}" destId="{7323BB23-146B-447A-91BB-6E3E9A1CAEEE}" srcOrd="0" destOrd="0" parTransId="{9F416A26-FC2B-47EE-98D3-D3E12EC82B83}" sibTransId="{CCDC7B3D-59CA-47B5-8B6A-A47F18B409E9}"/>
    <dgm:cxn modelId="{AD6084AF-2E4C-4885-A1B6-2F6AE4ACD05F}" type="presOf" srcId="{7323BB23-146B-447A-91BB-6E3E9A1CAEEE}" destId="{DD12F88F-678F-4353-939B-6E251DD95DFE}" srcOrd="1" destOrd="0" presId="urn:microsoft.com/office/officeart/2005/8/layout/process4"/>
    <dgm:cxn modelId="{5C2783BC-E1FF-47F2-843E-2E080D7F1E07}" type="presOf" srcId="{3BD20AEB-BE42-40F0-A1C1-0C0BE48AE04D}" destId="{792A8B9B-4278-4218-A7EB-5A80394BA39B}" srcOrd="0" destOrd="0" presId="urn:microsoft.com/office/officeart/2005/8/layout/process4"/>
    <dgm:cxn modelId="{EE738FBC-E038-4CE6-ABEC-5D01569A9565}" type="presOf" srcId="{B75C7EF0-A841-46F4-B8F7-9B2940142014}" destId="{DDEDF3F6-EE0B-4D1F-BEB2-F657F835AFD5}" srcOrd="0" destOrd="0" presId="urn:microsoft.com/office/officeart/2005/8/layout/process4"/>
    <dgm:cxn modelId="{86B251DE-C573-474E-B49C-391ECD4D3CBA}" type="presOf" srcId="{C0C33C3B-8AF8-4F92-AEBF-46B7A3E80674}" destId="{928BF733-022F-4AE1-8F3B-918E60061F46}" srcOrd="0" destOrd="0" presId="urn:microsoft.com/office/officeart/2005/8/layout/process4"/>
    <dgm:cxn modelId="{8445E9F0-DA70-4F33-9322-1C3E0C99F061}" type="presOf" srcId="{0FE0F4A0-9362-4F36-B7E0-8E4166F55382}" destId="{DFF904B4-8F65-498E-912B-BF5B3B193B03}" srcOrd="0" destOrd="0" presId="urn:microsoft.com/office/officeart/2005/8/layout/process4"/>
    <dgm:cxn modelId="{05AD4EF5-7F0A-4C69-A7AE-FA1CF179C72E}" type="presOf" srcId="{AA7DF32C-876C-42EB-B7E5-1CB1E2B6BF6F}" destId="{0A40FE97-95AB-47E9-940C-761CA4FEB040}" srcOrd="0" destOrd="0" presId="urn:microsoft.com/office/officeart/2005/8/layout/process4"/>
    <dgm:cxn modelId="{BA130535-B4CF-4ABB-9ECA-C826475B8A61}" type="presParOf" srcId="{AEA27734-2259-4007-BDDC-53AFEEB081BC}" destId="{76A0AB9D-37A1-413A-8898-DA5043400B5C}" srcOrd="0" destOrd="0" presId="urn:microsoft.com/office/officeart/2005/8/layout/process4"/>
    <dgm:cxn modelId="{D79879D2-B535-4457-99D8-42E064BE4E6B}" type="presParOf" srcId="{76A0AB9D-37A1-413A-8898-DA5043400B5C}" destId="{51C65A1B-FE81-4CD2-B6A1-47C98ADC07EB}" srcOrd="0" destOrd="0" presId="urn:microsoft.com/office/officeart/2005/8/layout/process4"/>
    <dgm:cxn modelId="{8F598F64-B4FB-4666-9F2A-9193DE9377A6}" type="presParOf" srcId="{76A0AB9D-37A1-413A-8898-DA5043400B5C}" destId="{DD12F88F-678F-4353-939B-6E251DD95DFE}" srcOrd="1" destOrd="0" presId="urn:microsoft.com/office/officeart/2005/8/layout/process4"/>
    <dgm:cxn modelId="{AE92BA09-7ED8-437B-B7FE-C04F1B7E8FCA}" type="presParOf" srcId="{76A0AB9D-37A1-413A-8898-DA5043400B5C}" destId="{110E551D-1A0B-422A-A00F-9D8E4E0AF4DB}" srcOrd="2" destOrd="0" presId="urn:microsoft.com/office/officeart/2005/8/layout/process4"/>
    <dgm:cxn modelId="{C50EEDE6-10FB-4B3A-A3AF-CB855C49A564}" type="presParOf" srcId="{110E551D-1A0B-422A-A00F-9D8E4E0AF4DB}" destId="{0A40FE97-95AB-47E9-940C-761CA4FEB040}" srcOrd="0" destOrd="0" presId="urn:microsoft.com/office/officeart/2005/8/layout/process4"/>
    <dgm:cxn modelId="{1D47C22E-7EDC-44A8-A21A-5286D7F08BA3}" type="presParOf" srcId="{110E551D-1A0B-422A-A00F-9D8E4E0AF4DB}" destId="{792A8B9B-4278-4218-A7EB-5A80394BA39B}" srcOrd="1" destOrd="0" presId="urn:microsoft.com/office/officeart/2005/8/layout/process4"/>
    <dgm:cxn modelId="{80674665-6430-45B6-AF53-3978C324ED24}" type="presParOf" srcId="{110E551D-1A0B-422A-A00F-9D8E4E0AF4DB}" destId="{928BF733-022F-4AE1-8F3B-918E60061F46}" srcOrd="2" destOrd="0" presId="urn:microsoft.com/office/officeart/2005/8/layout/process4"/>
    <dgm:cxn modelId="{50319E4F-279C-48A5-841D-FAB080A10DB6}" type="presParOf" srcId="{110E551D-1A0B-422A-A00F-9D8E4E0AF4DB}" destId="{DFF904B4-8F65-498E-912B-BF5B3B193B03}" srcOrd="3" destOrd="0" presId="urn:microsoft.com/office/officeart/2005/8/layout/process4"/>
    <dgm:cxn modelId="{AE4E65C3-5A98-40F3-99CA-FD9CEC9B4D03}" type="presParOf" srcId="{110E551D-1A0B-422A-A00F-9D8E4E0AF4DB}" destId="{95D852CF-4ADC-43FC-8879-B3F8A6442A6E}" srcOrd="4" destOrd="0" presId="urn:microsoft.com/office/officeart/2005/8/layout/process4"/>
    <dgm:cxn modelId="{70D2B081-E11D-4965-963F-5AA1BBD6B679}" type="presParOf" srcId="{110E551D-1A0B-422A-A00F-9D8E4E0AF4DB}" destId="{DDEDF3F6-EE0B-4D1F-BEB2-F657F835AFD5}" srcOrd="5" destOrd="0" presId="urn:microsoft.com/office/officeart/2005/8/layout/process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1D2331E-474D-4587-81A3-7AA40B859555}">
      <dsp:nvSpPr>
        <dsp:cNvPr id="0" name=""/>
        <dsp:cNvSpPr/>
      </dsp:nvSpPr>
      <dsp:spPr>
        <a:xfrm>
          <a:off x="0" y="327223"/>
          <a:ext cx="6596063" cy="428744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7650" tIns="247650" rIns="247650" bIns="2476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6500" kern="1200" dirty="0" err="1"/>
            <a:t>Digitale</a:t>
          </a:r>
          <a:r>
            <a:rPr lang="en-US" sz="6500" kern="1200" dirty="0"/>
            <a:t> </a:t>
          </a:r>
          <a:r>
            <a:rPr lang="en-US" sz="6500" kern="1200" dirty="0" err="1"/>
            <a:t>Infoavond</a:t>
          </a:r>
          <a:r>
            <a:rPr lang="en-US" sz="6500" kern="1200" dirty="0"/>
            <a:t> </a:t>
          </a:r>
          <a:r>
            <a:rPr lang="en-US" sz="6500" kern="1200" dirty="0" err="1"/>
            <a:t>voor</a:t>
          </a:r>
          <a:r>
            <a:rPr lang="en-US" sz="6500" kern="1200" dirty="0"/>
            <a:t> </a:t>
          </a:r>
          <a:r>
            <a:rPr lang="en-US" sz="6500" kern="1200" dirty="0" err="1"/>
            <a:t>ouders</a:t>
          </a:r>
          <a:r>
            <a:rPr lang="en-US" sz="6500" kern="1200" dirty="0"/>
            <a:t> </a:t>
          </a:r>
          <a:br>
            <a:rPr lang="en-US" sz="6500" kern="1200" dirty="0"/>
          </a:br>
          <a:endParaRPr lang="en-US" sz="6500" kern="1200" dirty="0"/>
        </a:p>
      </dsp:txBody>
      <dsp:txXfrm>
        <a:off x="209296" y="536519"/>
        <a:ext cx="6177471" cy="386884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93CA92E-935D-44C1-93CA-8BCA41767166}">
      <dsp:nvSpPr>
        <dsp:cNvPr id="0" name=""/>
        <dsp:cNvSpPr/>
      </dsp:nvSpPr>
      <dsp:spPr>
        <a:xfrm>
          <a:off x="0" y="479516"/>
          <a:ext cx="3394220" cy="958463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b="1" kern="1200" dirty="0"/>
            <a:t>Basisregel</a:t>
          </a:r>
          <a:r>
            <a:rPr lang="en-US" sz="1500" kern="1200" dirty="0"/>
            <a:t> :  </a:t>
          </a:r>
          <a:br>
            <a:rPr lang="en-US" sz="1500" kern="1200" dirty="0"/>
          </a:br>
          <a:r>
            <a:rPr lang="en-US" sz="1500" kern="1200" dirty="0"/>
            <a:t>Eerst aanmelden dan inschrijven</a:t>
          </a:r>
        </a:p>
      </dsp:txBody>
      <dsp:txXfrm>
        <a:off x="46788" y="526304"/>
        <a:ext cx="3300644" cy="864887"/>
      </dsp:txXfrm>
    </dsp:sp>
    <dsp:sp modelId="{D4CA5FEE-BD57-409E-BBCD-FAAADAF2430F}">
      <dsp:nvSpPr>
        <dsp:cNvPr id="0" name=""/>
        <dsp:cNvSpPr/>
      </dsp:nvSpPr>
      <dsp:spPr>
        <a:xfrm>
          <a:off x="0" y="1481179"/>
          <a:ext cx="3394220" cy="958463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Aanmelden wil zeggen dat je vooraf laat weten in welke scholen je je kind wil inschrijven</a:t>
          </a:r>
        </a:p>
      </dsp:txBody>
      <dsp:txXfrm>
        <a:off x="46788" y="1527967"/>
        <a:ext cx="3300644" cy="864887"/>
      </dsp:txXfrm>
    </dsp:sp>
    <dsp:sp modelId="{3BB1FFC3-C1D8-4933-8B3B-0523345ED471}">
      <dsp:nvSpPr>
        <dsp:cNvPr id="0" name=""/>
        <dsp:cNvSpPr/>
      </dsp:nvSpPr>
      <dsp:spPr>
        <a:xfrm>
          <a:off x="0" y="2482842"/>
          <a:ext cx="3394220" cy="958463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/>
            <a:t>Aanmelden doe je door een formulier op de computer in te vullen</a:t>
          </a:r>
        </a:p>
      </dsp:txBody>
      <dsp:txXfrm>
        <a:off x="46788" y="2529630"/>
        <a:ext cx="3300644" cy="864887"/>
      </dsp:txXfrm>
    </dsp:sp>
    <dsp:sp modelId="{2F71D9BE-D38A-4E0B-8E68-4E7A60AA2CAC}">
      <dsp:nvSpPr>
        <dsp:cNvPr id="0" name=""/>
        <dsp:cNvSpPr/>
      </dsp:nvSpPr>
      <dsp:spPr>
        <a:xfrm>
          <a:off x="0" y="3484505"/>
          <a:ext cx="3394220" cy="958463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l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500" kern="1200" dirty="0"/>
            <a:t>Inschrijven gebeurt op school na de aanmelding.  Aangemelde kinderen hebben gedurende een periode voorrang op kinderen die niet aangemeld zijn.</a:t>
          </a:r>
        </a:p>
      </dsp:txBody>
      <dsp:txXfrm>
        <a:off x="46788" y="3531293"/>
        <a:ext cx="3300644" cy="864887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75AE4BC-657C-4689-BD01-0FBBCC992E31}">
      <dsp:nvSpPr>
        <dsp:cNvPr id="0" name=""/>
        <dsp:cNvSpPr/>
      </dsp:nvSpPr>
      <dsp:spPr>
        <a:xfrm>
          <a:off x="0" y="2402"/>
          <a:ext cx="5641974" cy="0"/>
        </a:xfrm>
        <a:prstGeom prst="lin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9B0AF7D-8365-4B25-ABC6-463C25FB9529}">
      <dsp:nvSpPr>
        <dsp:cNvPr id="0" name=""/>
        <dsp:cNvSpPr/>
      </dsp:nvSpPr>
      <dsp:spPr>
        <a:xfrm>
          <a:off x="0" y="2402"/>
          <a:ext cx="5641974" cy="163881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700" kern="1200"/>
            <a:t>Scholen bepalen </a:t>
          </a:r>
          <a:r>
            <a:rPr lang="nl-BE" sz="1700" b="1" kern="1200"/>
            <a:t>capaciteit</a:t>
          </a:r>
          <a:r>
            <a:rPr lang="nl-BE" sz="1700" kern="1200"/>
            <a:t> = </a:t>
          </a:r>
          <a:br>
            <a:rPr lang="nl-BE" sz="1700" kern="1200"/>
          </a:br>
          <a:r>
            <a:rPr lang="nl-BE" sz="1700" kern="1200"/>
            <a:t>maximum aantal kinderen dat een schoolbestuur </a:t>
          </a:r>
          <a:br>
            <a:rPr lang="nl-BE" sz="1700" kern="1200"/>
          </a:br>
          <a:r>
            <a:rPr lang="nl-BE" sz="1700" kern="1200"/>
            <a:t>per geboortejaar en leerjaar vastlegt</a:t>
          </a:r>
          <a:endParaRPr lang="en-US" sz="1700" kern="1200"/>
        </a:p>
      </dsp:txBody>
      <dsp:txXfrm>
        <a:off x="0" y="2402"/>
        <a:ext cx="5641974" cy="1638814"/>
      </dsp:txXfrm>
    </dsp:sp>
    <dsp:sp modelId="{B3DF7C5E-48FC-4177-9757-366170659EDE}">
      <dsp:nvSpPr>
        <dsp:cNvPr id="0" name=""/>
        <dsp:cNvSpPr/>
      </dsp:nvSpPr>
      <dsp:spPr>
        <a:xfrm>
          <a:off x="0" y="1641217"/>
          <a:ext cx="5641974" cy="0"/>
        </a:xfrm>
        <a:prstGeom prst="line">
          <a:avLst/>
        </a:prstGeom>
        <a:solidFill>
          <a:schemeClr val="accent2">
            <a:hueOff val="-1284095"/>
            <a:satOff val="14753"/>
            <a:lumOff val="4510"/>
            <a:alphaOff val="0"/>
          </a:schemeClr>
        </a:solidFill>
        <a:ln w="15875" cap="flat" cmpd="sng" algn="ctr">
          <a:solidFill>
            <a:schemeClr val="accent2">
              <a:hueOff val="-1284095"/>
              <a:satOff val="14753"/>
              <a:lumOff val="451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5DB8FB7-02D2-4122-A887-09C0AA6C7DBB}">
      <dsp:nvSpPr>
        <dsp:cNvPr id="0" name=""/>
        <dsp:cNvSpPr/>
      </dsp:nvSpPr>
      <dsp:spPr>
        <a:xfrm>
          <a:off x="0" y="1641217"/>
          <a:ext cx="5641974" cy="163881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700" kern="1200" dirty="0"/>
            <a:t>Criteria : </a:t>
          </a:r>
        </a:p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700" kern="1200" dirty="0"/>
            <a:t>- Pedagogisch comfort (hoeveel kinderen per klas is ideaal om te leren)</a:t>
          </a:r>
        </a:p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700" kern="1200" dirty="0"/>
            <a:t>- Fysieke capaciteit (welke infrastructuur is er ter beschikking)</a:t>
          </a:r>
        </a:p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nl-BE" sz="1700" kern="1200" dirty="0"/>
        </a:p>
      </dsp:txBody>
      <dsp:txXfrm>
        <a:off x="0" y="1641217"/>
        <a:ext cx="5641974" cy="1638814"/>
      </dsp:txXfrm>
    </dsp:sp>
    <dsp:sp modelId="{2F51192D-15AA-4191-81E7-BA5F64D49844}">
      <dsp:nvSpPr>
        <dsp:cNvPr id="0" name=""/>
        <dsp:cNvSpPr/>
      </dsp:nvSpPr>
      <dsp:spPr>
        <a:xfrm>
          <a:off x="0" y="3280032"/>
          <a:ext cx="5641974" cy="0"/>
        </a:xfrm>
        <a:prstGeom prst="line">
          <a:avLst/>
        </a:prstGeom>
        <a:solidFill>
          <a:schemeClr val="accent2">
            <a:hueOff val="-2568191"/>
            <a:satOff val="29507"/>
            <a:lumOff val="9019"/>
            <a:alphaOff val="0"/>
          </a:schemeClr>
        </a:solidFill>
        <a:ln w="15875" cap="flat" cmpd="sng" algn="ctr">
          <a:solidFill>
            <a:schemeClr val="accent2">
              <a:hueOff val="-2568191"/>
              <a:satOff val="29507"/>
              <a:lumOff val="9019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420DFBA-695A-4774-811D-17FE0AC515BB}">
      <dsp:nvSpPr>
        <dsp:cNvPr id="0" name=""/>
        <dsp:cNvSpPr/>
      </dsp:nvSpPr>
      <dsp:spPr>
        <a:xfrm>
          <a:off x="0" y="3280032"/>
          <a:ext cx="5641974" cy="163881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700" kern="1200" dirty="0"/>
            <a:t>Vrije plaatsen : </a:t>
          </a:r>
        </a:p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700" kern="1200" dirty="0"/>
            <a:t>Geboortejaar 2022 : = totale capaciteit is nog vrij</a:t>
          </a:r>
        </a:p>
        <a:p>
          <a:pPr marL="0" lvl="0" indent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700" kern="1200" dirty="0"/>
            <a:t>Andere geboortejaren en leerjaren : maximum capaciteit – ingeschreven leerlingen</a:t>
          </a:r>
        </a:p>
      </dsp:txBody>
      <dsp:txXfrm>
        <a:off x="0" y="3280032"/>
        <a:ext cx="5641974" cy="1638814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F87CC14-247B-406C-95BC-3730E40A1FF3}">
      <dsp:nvSpPr>
        <dsp:cNvPr id="0" name=""/>
        <dsp:cNvSpPr/>
      </dsp:nvSpPr>
      <dsp:spPr>
        <a:xfrm rot="5400000">
          <a:off x="3362680" y="-1210640"/>
          <a:ext cx="947725" cy="3610864"/>
        </a:xfrm>
        <a:prstGeom prst="round2SameRect">
          <a:avLst/>
        </a:prstGeom>
        <a:solidFill>
          <a:schemeClr val="accent2">
            <a:tint val="40000"/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2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000" b="1" kern="1200"/>
            <a:t>Vrije schoolkeuze</a:t>
          </a:r>
        </a:p>
      </dsp:txBody>
      <dsp:txXfrm rot="-5400000">
        <a:off x="2031111" y="167193"/>
        <a:ext cx="3564600" cy="855197"/>
      </dsp:txXfrm>
    </dsp:sp>
    <dsp:sp modelId="{89932927-9762-4B71-A070-68591AB06A58}">
      <dsp:nvSpPr>
        <dsp:cNvPr id="0" name=""/>
        <dsp:cNvSpPr/>
      </dsp:nvSpPr>
      <dsp:spPr>
        <a:xfrm>
          <a:off x="0" y="2463"/>
          <a:ext cx="2031111" cy="1184656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600" b="1" kern="1200" dirty="0"/>
            <a:t>Alle kinderen hebben recht op een school naar keuze</a:t>
          </a:r>
          <a:endParaRPr lang="en-US" sz="1600" b="1" kern="1200" dirty="0"/>
        </a:p>
      </dsp:txBody>
      <dsp:txXfrm>
        <a:off x="57830" y="60293"/>
        <a:ext cx="1915451" cy="1068996"/>
      </dsp:txXfrm>
    </dsp:sp>
    <dsp:sp modelId="{3DC71313-28CF-4F8B-8A1A-97B766A6D2F7}">
      <dsp:nvSpPr>
        <dsp:cNvPr id="0" name=""/>
        <dsp:cNvSpPr/>
      </dsp:nvSpPr>
      <dsp:spPr>
        <a:xfrm rot="5400000">
          <a:off x="3362680" y="33248"/>
          <a:ext cx="947725" cy="3610864"/>
        </a:xfrm>
        <a:prstGeom prst="round2SameRect">
          <a:avLst/>
        </a:prstGeom>
        <a:solidFill>
          <a:schemeClr val="accent3">
            <a:tint val="40000"/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3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nl-BE" sz="2000" b="1" kern="1200"/>
            <a:t>Je kindje kan  schoollopen in de school van 1</a:t>
          </a:r>
          <a:r>
            <a:rPr lang="nl-BE" sz="2000" b="1" kern="1200" baseline="30000"/>
            <a:t>ste</a:t>
          </a:r>
          <a:r>
            <a:rPr lang="nl-BE" sz="2000" b="1" kern="1200"/>
            <a:t> keuze</a:t>
          </a:r>
          <a:endParaRPr lang="en-US" sz="2000" b="1" kern="1200"/>
        </a:p>
      </dsp:txBody>
      <dsp:txXfrm rot="-5400000">
        <a:off x="2031111" y="1411081"/>
        <a:ext cx="3564600" cy="855197"/>
      </dsp:txXfrm>
    </dsp:sp>
    <dsp:sp modelId="{D2DC9C9E-F1CA-479F-8A5F-2FD0BD41866A}">
      <dsp:nvSpPr>
        <dsp:cNvPr id="0" name=""/>
        <dsp:cNvSpPr/>
      </dsp:nvSpPr>
      <dsp:spPr>
        <a:xfrm>
          <a:off x="0" y="1246352"/>
          <a:ext cx="2031111" cy="1184656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600" kern="1200" dirty="0"/>
            <a:t>Bij voldoende </a:t>
          </a:r>
          <a:br>
            <a:rPr lang="nl-BE" sz="1600" kern="1200" dirty="0"/>
          </a:br>
          <a:r>
            <a:rPr lang="nl-BE" sz="1600" kern="1200" dirty="0"/>
            <a:t>plaats : </a:t>
          </a:r>
          <a:endParaRPr lang="en-US" sz="1600" kern="1200" dirty="0"/>
        </a:p>
      </dsp:txBody>
      <dsp:txXfrm>
        <a:off x="57830" y="1304182"/>
        <a:ext cx="1915451" cy="1068996"/>
      </dsp:txXfrm>
    </dsp:sp>
    <dsp:sp modelId="{1C821AA6-ECDB-4EBE-852E-62026CA6F509}">
      <dsp:nvSpPr>
        <dsp:cNvPr id="0" name=""/>
        <dsp:cNvSpPr/>
      </dsp:nvSpPr>
      <dsp:spPr>
        <a:xfrm rot="5400000">
          <a:off x="3362680" y="1277137"/>
          <a:ext cx="947725" cy="3610864"/>
        </a:xfrm>
        <a:prstGeom prst="round2SameRect">
          <a:avLst/>
        </a:prstGeom>
        <a:solidFill>
          <a:schemeClr val="accent4">
            <a:tint val="40000"/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4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nl-BE" sz="2000" b="1" kern="1200"/>
            <a:t>De computer ordent volgens schoolkeuze en afstand.</a:t>
          </a:r>
          <a:endParaRPr lang="en-US" sz="2000" b="1" kern="1200"/>
        </a:p>
      </dsp:txBody>
      <dsp:txXfrm rot="-5400000">
        <a:off x="2031111" y="2654970"/>
        <a:ext cx="3564600" cy="855197"/>
      </dsp:txXfrm>
    </dsp:sp>
    <dsp:sp modelId="{FD892339-D5E7-400D-97EA-14FFC6DC023C}">
      <dsp:nvSpPr>
        <dsp:cNvPr id="0" name=""/>
        <dsp:cNvSpPr/>
      </dsp:nvSpPr>
      <dsp:spPr>
        <a:xfrm>
          <a:off x="0" y="2490241"/>
          <a:ext cx="2031111" cy="1184656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600" kern="1200" dirty="0"/>
            <a:t>Bij onvoldoende 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600" kern="1200" dirty="0"/>
            <a:t>plaats : </a:t>
          </a:r>
          <a:endParaRPr lang="en-US" sz="1600" kern="1200" dirty="0"/>
        </a:p>
      </dsp:txBody>
      <dsp:txXfrm>
        <a:off x="57830" y="2548071"/>
        <a:ext cx="1915451" cy="1068996"/>
      </dsp:txXfrm>
    </dsp:sp>
    <dsp:sp modelId="{D728C3AB-55A3-4B27-92C7-C1335C94248F}">
      <dsp:nvSpPr>
        <dsp:cNvPr id="0" name=""/>
        <dsp:cNvSpPr/>
      </dsp:nvSpPr>
      <dsp:spPr>
        <a:xfrm rot="5400000">
          <a:off x="3362680" y="2521026"/>
          <a:ext cx="947725" cy="3610864"/>
        </a:xfrm>
        <a:prstGeom prst="round2SameRect">
          <a:avLst/>
        </a:prstGeom>
        <a:solidFill>
          <a:schemeClr val="accent5">
            <a:tint val="40000"/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5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38100" rIns="76200" bIns="3810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nl-BE" sz="2000" b="1" kern="1200"/>
            <a:t>Je wordt gunstiger geordend in de mate dat je dichter bij de school woont of werkt.</a:t>
          </a:r>
        </a:p>
      </dsp:txBody>
      <dsp:txXfrm rot="-5400000">
        <a:off x="2031111" y="3898859"/>
        <a:ext cx="3564600" cy="855197"/>
      </dsp:txXfrm>
    </dsp:sp>
    <dsp:sp modelId="{2A59129D-B745-492D-B15D-77BC3EC687F3}">
      <dsp:nvSpPr>
        <dsp:cNvPr id="0" name=""/>
        <dsp:cNvSpPr/>
      </dsp:nvSpPr>
      <dsp:spPr>
        <a:xfrm>
          <a:off x="0" y="3734130"/>
          <a:ext cx="2031111" cy="1184656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30480" rIns="6096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Afstand tussen school en domicilie/werkadres van de ouder</a:t>
          </a:r>
        </a:p>
      </dsp:txBody>
      <dsp:txXfrm>
        <a:off x="57830" y="3791960"/>
        <a:ext cx="1915451" cy="1068996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740899A-DFA8-4687-8E14-26E96572ABB1}">
      <dsp:nvSpPr>
        <dsp:cNvPr id="0" name=""/>
        <dsp:cNvSpPr/>
      </dsp:nvSpPr>
      <dsp:spPr>
        <a:xfrm>
          <a:off x="0" y="48816"/>
          <a:ext cx="5641974" cy="834210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2300" kern="1200"/>
            <a:t>Zijn er voldoende plaatsen t.o.z. van het aantal aangemelde kinderen?</a:t>
          </a:r>
          <a:endParaRPr lang="en-US" sz="2300" kern="1200"/>
        </a:p>
      </dsp:txBody>
      <dsp:txXfrm>
        <a:off x="40723" y="89539"/>
        <a:ext cx="5560528" cy="752764"/>
      </dsp:txXfrm>
    </dsp:sp>
    <dsp:sp modelId="{F4712CB9-309A-42BC-87FA-6BE52A6ADBF0}">
      <dsp:nvSpPr>
        <dsp:cNvPr id="0" name=""/>
        <dsp:cNvSpPr/>
      </dsp:nvSpPr>
      <dsp:spPr>
        <a:xfrm>
          <a:off x="0" y="883026"/>
          <a:ext cx="5641974" cy="5118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9133" tIns="29210" rIns="163576" bIns="29210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nl-BE" sz="1800" kern="1200"/>
            <a:t>Je kind krijgt een plaats toegewezen in de school van eerste voorkeur</a:t>
          </a:r>
          <a:endParaRPr lang="en-US" sz="1800" kern="1200"/>
        </a:p>
      </dsp:txBody>
      <dsp:txXfrm>
        <a:off x="0" y="883026"/>
        <a:ext cx="5641974" cy="511807"/>
      </dsp:txXfrm>
    </dsp:sp>
    <dsp:sp modelId="{DB2FB966-7EB6-4196-9045-6258C7000213}">
      <dsp:nvSpPr>
        <dsp:cNvPr id="0" name=""/>
        <dsp:cNvSpPr/>
      </dsp:nvSpPr>
      <dsp:spPr>
        <a:xfrm>
          <a:off x="0" y="1394833"/>
          <a:ext cx="5641974" cy="834210"/>
        </a:xfrm>
        <a:prstGeom prst="roundRect">
          <a:avLst/>
        </a:prstGeom>
        <a:solidFill>
          <a:schemeClr val="accent2">
            <a:hueOff val="-1284095"/>
            <a:satOff val="14753"/>
            <a:lumOff val="451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2300" kern="1200"/>
            <a:t>Zijn er te weinig plaatsen t.o.z. van het aantal plaatsen per school ? </a:t>
          </a:r>
          <a:endParaRPr lang="en-US" sz="2300" kern="1200"/>
        </a:p>
      </dsp:txBody>
      <dsp:txXfrm>
        <a:off x="40723" y="1435556"/>
        <a:ext cx="5560528" cy="752764"/>
      </dsp:txXfrm>
    </dsp:sp>
    <dsp:sp modelId="{F073A70E-24D1-4FFF-9356-359523CE527C}">
      <dsp:nvSpPr>
        <dsp:cNvPr id="0" name=""/>
        <dsp:cNvSpPr/>
      </dsp:nvSpPr>
      <dsp:spPr>
        <a:xfrm>
          <a:off x="0" y="2229043"/>
          <a:ext cx="5641974" cy="180918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9133" tIns="29210" rIns="163576" bIns="29210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nl-BE" sz="1800" kern="1200"/>
            <a:t>De computer gaat aan het rekenen en ordent de aangemelde kinderen in een vaste volgorde : </a:t>
          </a:r>
          <a:endParaRPr lang="en-US" sz="1800" kern="1200"/>
        </a:p>
        <a:p>
          <a:pPr marL="342900" lvl="2" indent="-17145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nl-BE" sz="1800" kern="1200"/>
            <a:t>Ordent de voorrangsgroepen vooraan/zeker van een plaats</a:t>
          </a:r>
          <a:endParaRPr lang="en-US" sz="1800" kern="1200"/>
        </a:p>
        <a:p>
          <a:pPr marL="342900" lvl="2" indent="-17145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nl-BE" sz="1800" kern="1200"/>
            <a:t>Ordent volgens afstand tot de school (domicilieadres kind, werkadres mama/papa, verhuisadres)</a:t>
          </a:r>
          <a:endParaRPr lang="en-US" sz="1800" kern="1200"/>
        </a:p>
        <a:p>
          <a:pPr marL="342900" lvl="2" indent="-171450" algn="l" defTabSz="8001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r>
            <a:rPr lang="nl-BE" sz="1800" kern="1200"/>
            <a:t>Ordent volgens schoolkeuze</a:t>
          </a:r>
          <a:endParaRPr lang="en-US" sz="1800" kern="1200"/>
        </a:p>
      </dsp:txBody>
      <dsp:txXfrm>
        <a:off x="0" y="2229043"/>
        <a:ext cx="5641974" cy="1809180"/>
      </dsp:txXfrm>
    </dsp:sp>
    <dsp:sp modelId="{01419F43-067C-4AEC-909B-2FF8A17B35D7}">
      <dsp:nvSpPr>
        <dsp:cNvPr id="0" name=""/>
        <dsp:cNvSpPr/>
      </dsp:nvSpPr>
      <dsp:spPr>
        <a:xfrm>
          <a:off x="0" y="4038223"/>
          <a:ext cx="5641974" cy="834210"/>
        </a:xfrm>
        <a:prstGeom prst="roundRect">
          <a:avLst/>
        </a:prstGeom>
        <a:solidFill>
          <a:schemeClr val="accent2">
            <a:hueOff val="-2568191"/>
            <a:satOff val="29507"/>
            <a:lumOff val="9019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2300" kern="1200"/>
            <a:t>De computer houdt rekening met het aantal plaatsen per leerjaar en geboortejaar.  </a:t>
          </a:r>
          <a:endParaRPr lang="en-US" sz="2300" kern="1200"/>
        </a:p>
      </dsp:txBody>
      <dsp:txXfrm>
        <a:off x="40723" y="4078946"/>
        <a:ext cx="5560528" cy="752764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6E40F19-2E0A-48D5-B95C-71AAC0B1E68C}">
      <dsp:nvSpPr>
        <dsp:cNvPr id="0" name=""/>
        <dsp:cNvSpPr/>
      </dsp:nvSpPr>
      <dsp:spPr>
        <a:xfrm>
          <a:off x="0" y="999088"/>
          <a:ext cx="2733823" cy="173597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C43DAC8-555E-4710-941C-5B0547684E55}">
      <dsp:nvSpPr>
        <dsp:cNvPr id="0" name=""/>
        <dsp:cNvSpPr/>
      </dsp:nvSpPr>
      <dsp:spPr>
        <a:xfrm>
          <a:off x="303758" y="1287658"/>
          <a:ext cx="2733823" cy="1735978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900" b="0" i="0" kern="1200" baseline="0"/>
            <a:t>Je kind inschrijven in de school van je eerste voorkeur</a:t>
          </a:r>
          <a:endParaRPr lang="en-US" sz="1900" kern="1200"/>
        </a:p>
      </dsp:txBody>
      <dsp:txXfrm>
        <a:off x="354603" y="1338503"/>
        <a:ext cx="2632133" cy="1634288"/>
      </dsp:txXfrm>
    </dsp:sp>
    <dsp:sp modelId="{C1E77D97-EAD9-4DD1-9377-AEC311BFF3FB}">
      <dsp:nvSpPr>
        <dsp:cNvPr id="0" name=""/>
        <dsp:cNvSpPr/>
      </dsp:nvSpPr>
      <dsp:spPr>
        <a:xfrm>
          <a:off x="3341340" y="999088"/>
          <a:ext cx="2733823" cy="173597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7FCCB45-5046-46C7-8984-7478FC7499FC}">
      <dsp:nvSpPr>
        <dsp:cNvPr id="0" name=""/>
        <dsp:cNvSpPr/>
      </dsp:nvSpPr>
      <dsp:spPr>
        <a:xfrm>
          <a:off x="3645098" y="1287658"/>
          <a:ext cx="2733823" cy="1735978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900" b="0" i="0" kern="1200" baseline="0" dirty="0"/>
            <a:t>Je kind inschrijven in de school die op je brief staat </a:t>
          </a:r>
          <a:br>
            <a:rPr lang="nl-BE" sz="1900" b="0" i="0" kern="1200" baseline="0" dirty="0"/>
          </a:br>
          <a:r>
            <a:rPr lang="nl-BE" sz="1900" b="0" i="0" kern="1200" baseline="0" dirty="0"/>
            <a:t>of (als je je kind niet in die school wil inschrijven)</a:t>
          </a:r>
          <a:br>
            <a:rPr lang="nl-BE" sz="1900" b="0" i="0" kern="1200" baseline="0" dirty="0"/>
          </a:br>
          <a:r>
            <a:rPr lang="nl-BE" sz="1900" b="0" i="0" kern="1200" baseline="0" dirty="0"/>
            <a:t>wachten tot 23 mei 2024</a:t>
          </a:r>
          <a:endParaRPr lang="en-US" sz="1900" kern="1200" dirty="0"/>
        </a:p>
      </dsp:txBody>
      <dsp:txXfrm>
        <a:off x="3695943" y="1338503"/>
        <a:ext cx="2632133" cy="1634288"/>
      </dsp:txXfrm>
    </dsp:sp>
    <dsp:sp modelId="{CCD1B213-19E7-45FC-B623-F6FC383C4F61}">
      <dsp:nvSpPr>
        <dsp:cNvPr id="0" name=""/>
        <dsp:cNvSpPr/>
      </dsp:nvSpPr>
      <dsp:spPr>
        <a:xfrm>
          <a:off x="6682680" y="999088"/>
          <a:ext cx="2733823" cy="173597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9F03684-7C75-45A7-BCFC-547B6A13C5E6}">
      <dsp:nvSpPr>
        <dsp:cNvPr id="0" name=""/>
        <dsp:cNvSpPr/>
      </dsp:nvSpPr>
      <dsp:spPr>
        <a:xfrm>
          <a:off x="6986438" y="1287658"/>
          <a:ext cx="2733823" cy="1735978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1800" b="0" i="0" kern="1200" baseline="0" dirty="0"/>
            <a:t>Je kan je kind niet inschrijven in een school</a:t>
          </a:r>
          <a:br>
            <a:rPr lang="nl-BE" sz="1800" b="0" i="0" kern="1200" baseline="0" dirty="0"/>
          </a:br>
          <a:r>
            <a:rPr lang="nl-BE" sz="1800" b="0" i="0" kern="1200" baseline="0" dirty="0"/>
            <a:t>Wachten tot 23 mei 2024</a:t>
          </a:r>
          <a:endParaRPr lang="en-US" sz="1800" kern="1200" dirty="0"/>
        </a:p>
      </dsp:txBody>
      <dsp:txXfrm>
        <a:off x="7037283" y="1338503"/>
        <a:ext cx="2632133" cy="1634288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97332B7-E977-4013-8125-1B276166F2C7}">
      <dsp:nvSpPr>
        <dsp:cNvPr id="0" name=""/>
        <dsp:cNvSpPr/>
      </dsp:nvSpPr>
      <dsp:spPr>
        <a:xfrm>
          <a:off x="0" y="613"/>
          <a:ext cx="5641974" cy="620403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kern="1200"/>
            <a:t>Nee!</a:t>
          </a:r>
        </a:p>
      </dsp:txBody>
      <dsp:txXfrm>
        <a:off x="30286" y="30899"/>
        <a:ext cx="5581402" cy="559831"/>
      </dsp:txXfrm>
    </dsp:sp>
    <dsp:sp modelId="{E29D673F-C62E-42FF-96C2-DA85A39AEA1E}">
      <dsp:nvSpPr>
        <dsp:cNvPr id="0" name=""/>
        <dsp:cNvSpPr/>
      </dsp:nvSpPr>
      <dsp:spPr>
        <a:xfrm>
          <a:off x="0" y="724697"/>
          <a:ext cx="5641974" cy="1799889"/>
        </a:xfrm>
        <a:prstGeom prst="roundRect">
          <a:avLst/>
        </a:prstGeom>
        <a:solidFill>
          <a:schemeClr val="accent2">
            <a:hueOff val="-1284095"/>
            <a:satOff val="14753"/>
            <a:lumOff val="451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kern="1200"/>
            <a:t>Kinderen die voor het eerst naar school gaan</a:t>
          </a:r>
        </a:p>
      </dsp:txBody>
      <dsp:txXfrm>
        <a:off x="87863" y="812560"/>
        <a:ext cx="5466248" cy="1624163"/>
      </dsp:txXfrm>
    </dsp:sp>
    <dsp:sp modelId="{0A886C3A-0C77-4E61-85C9-35221018F1C5}">
      <dsp:nvSpPr>
        <dsp:cNvPr id="0" name=""/>
        <dsp:cNvSpPr/>
      </dsp:nvSpPr>
      <dsp:spPr>
        <a:xfrm>
          <a:off x="0" y="2524586"/>
          <a:ext cx="5641974" cy="59616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9133" tIns="34290" rIns="192024" bIns="34290" numCol="1" spcCol="1270" anchor="t" anchorCtr="0">
          <a:noAutofit/>
        </a:bodyPr>
        <a:lstStyle/>
        <a:p>
          <a:pPr marL="228600" lvl="1" indent="-228600" algn="l" defTabSz="93345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"/>
          </a:pPr>
          <a:endParaRPr lang="en-US" sz="2100" kern="1200" dirty="0"/>
        </a:p>
      </dsp:txBody>
      <dsp:txXfrm>
        <a:off x="0" y="2524586"/>
        <a:ext cx="5641974" cy="596160"/>
      </dsp:txXfrm>
    </dsp:sp>
    <dsp:sp modelId="{03C477B1-9BF9-4B74-A4FA-C5BD59FD06C7}">
      <dsp:nvSpPr>
        <dsp:cNvPr id="0" name=""/>
        <dsp:cNvSpPr/>
      </dsp:nvSpPr>
      <dsp:spPr>
        <a:xfrm>
          <a:off x="0" y="3120746"/>
          <a:ext cx="5641974" cy="1799889"/>
        </a:xfrm>
        <a:prstGeom prst="roundRect">
          <a:avLst/>
        </a:prstGeom>
        <a:solidFill>
          <a:schemeClr val="accent2">
            <a:hueOff val="-2568191"/>
            <a:satOff val="29507"/>
            <a:lumOff val="9019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kern="1200" dirty="0" err="1"/>
            <a:t>Kinderen</a:t>
          </a:r>
          <a:r>
            <a:rPr lang="en-US" sz="2700" kern="1200" dirty="0"/>
            <a:t> die van school </a:t>
          </a:r>
          <a:r>
            <a:rPr lang="en-US" sz="2700" kern="1200" dirty="0" err="1"/>
            <a:t>willen</a:t>
          </a:r>
          <a:r>
            <a:rPr lang="en-US" sz="2700" kern="1200" dirty="0"/>
            <a:t> </a:t>
          </a:r>
          <a:r>
            <a:rPr lang="en-US" sz="2700" kern="1200" dirty="0" err="1"/>
            <a:t>veranderen</a:t>
          </a:r>
          <a:r>
            <a:rPr lang="en-US" sz="2700" kern="1200" dirty="0"/>
            <a:t> in het </a:t>
          </a:r>
          <a:r>
            <a:rPr lang="en-US" sz="2700" kern="1200" dirty="0" err="1"/>
            <a:t>volgende</a:t>
          </a:r>
          <a:r>
            <a:rPr lang="en-US" sz="2700" kern="1200" dirty="0"/>
            <a:t> </a:t>
          </a:r>
          <a:r>
            <a:rPr lang="en-US" sz="2700" kern="1200" dirty="0" err="1"/>
            <a:t>schooljaar</a:t>
          </a:r>
          <a:endParaRPr lang="en-US" sz="2700" kern="1200" dirty="0"/>
        </a:p>
      </dsp:txBody>
      <dsp:txXfrm>
        <a:off x="87863" y="3208609"/>
        <a:ext cx="5466248" cy="1624163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9B1685-050D-4B1B-923F-FE81EABA0638}">
      <dsp:nvSpPr>
        <dsp:cNvPr id="0" name=""/>
        <dsp:cNvSpPr/>
      </dsp:nvSpPr>
      <dsp:spPr>
        <a:xfrm>
          <a:off x="0" y="600"/>
          <a:ext cx="5641974" cy="0"/>
        </a:xfrm>
        <a:prstGeom prst="lin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57DD144-2E4E-4EDC-8734-E2F7B2A0269D}">
      <dsp:nvSpPr>
        <dsp:cNvPr id="0" name=""/>
        <dsp:cNvSpPr/>
      </dsp:nvSpPr>
      <dsp:spPr>
        <a:xfrm>
          <a:off x="0" y="600"/>
          <a:ext cx="5641974" cy="9840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t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2000" kern="1200" dirty="0"/>
            <a:t>Neem contact op met de </a:t>
          </a:r>
          <a:r>
            <a:rPr lang="nl-BE" sz="2000" b="1" kern="1200" dirty="0">
              <a:solidFill>
                <a:schemeClr val="accent2">
                  <a:lumMod val="60000"/>
                  <a:lumOff val="40000"/>
                </a:schemeClr>
              </a:solidFill>
            </a:rPr>
            <a:t>helpdesk</a:t>
          </a:r>
          <a:endParaRPr lang="en-US" sz="2000" b="1" kern="1200" dirty="0">
            <a:solidFill>
              <a:schemeClr val="accent2">
                <a:lumMod val="60000"/>
                <a:lumOff val="40000"/>
              </a:schemeClr>
            </a:solidFill>
          </a:endParaRPr>
        </a:p>
      </dsp:txBody>
      <dsp:txXfrm>
        <a:off x="0" y="600"/>
        <a:ext cx="5641974" cy="984009"/>
      </dsp:txXfrm>
    </dsp:sp>
    <dsp:sp modelId="{F26EEAC3-1A3E-48EC-9B09-6B578EEE4708}">
      <dsp:nvSpPr>
        <dsp:cNvPr id="0" name=""/>
        <dsp:cNvSpPr/>
      </dsp:nvSpPr>
      <dsp:spPr>
        <a:xfrm>
          <a:off x="0" y="984610"/>
          <a:ext cx="5641974" cy="0"/>
        </a:xfrm>
        <a:prstGeom prst="line">
          <a:avLst/>
        </a:prstGeom>
        <a:solidFill>
          <a:schemeClr val="accent2">
            <a:hueOff val="-642048"/>
            <a:satOff val="7377"/>
            <a:lumOff val="2255"/>
            <a:alphaOff val="0"/>
          </a:schemeClr>
        </a:solidFill>
        <a:ln w="15875" cap="flat" cmpd="sng" algn="ctr">
          <a:solidFill>
            <a:schemeClr val="accent2">
              <a:hueOff val="-642048"/>
              <a:satOff val="7377"/>
              <a:lumOff val="2255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1109DF1-51D3-45B0-9C62-067AE89B918A}">
      <dsp:nvSpPr>
        <dsp:cNvPr id="0" name=""/>
        <dsp:cNvSpPr/>
      </dsp:nvSpPr>
      <dsp:spPr>
        <a:xfrm>
          <a:off x="0" y="984610"/>
          <a:ext cx="5641974" cy="9840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t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2000" u="sng" kern="1200" dirty="0">
              <a:hlinkClick xmlns:r="http://schemas.openxmlformats.org/officeDocument/2006/relationships" r:id="rId1"/>
            </a:rPr>
            <a:t>helpdesk-basis@naarschoolindendermonde.be</a:t>
          </a:r>
          <a:endParaRPr lang="nl-BE" sz="2000" u="sng" kern="1200" dirty="0"/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2000" u="sng" kern="1200" dirty="0"/>
            <a:t>TEL : 052 25 10 31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nl-BE" sz="1500" u="sng" kern="1200" dirty="0"/>
          </a:br>
          <a:endParaRPr lang="en-US" sz="1500" kern="1200" dirty="0"/>
        </a:p>
      </dsp:txBody>
      <dsp:txXfrm>
        <a:off x="0" y="984610"/>
        <a:ext cx="5641974" cy="984009"/>
      </dsp:txXfrm>
    </dsp:sp>
    <dsp:sp modelId="{E4D6415A-EF1C-4A54-9104-8B42AFC6827D}">
      <dsp:nvSpPr>
        <dsp:cNvPr id="0" name=""/>
        <dsp:cNvSpPr/>
      </dsp:nvSpPr>
      <dsp:spPr>
        <a:xfrm>
          <a:off x="0" y="1968620"/>
          <a:ext cx="5641974" cy="0"/>
        </a:xfrm>
        <a:prstGeom prst="line">
          <a:avLst/>
        </a:prstGeom>
        <a:solidFill>
          <a:schemeClr val="accent2">
            <a:hueOff val="-1284095"/>
            <a:satOff val="14753"/>
            <a:lumOff val="4510"/>
            <a:alphaOff val="0"/>
          </a:schemeClr>
        </a:solidFill>
        <a:ln w="15875" cap="flat" cmpd="sng" algn="ctr">
          <a:solidFill>
            <a:schemeClr val="accent2">
              <a:hueOff val="-1284095"/>
              <a:satOff val="14753"/>
              <a:lumOff val="451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98990E8-D508-4D34-8F15-926D2EAB9819}">
      <dsp:nvSpPr>
        <dsp:cNvPr id="0" name=""/>
        <dsp:cNvSpPr/>
      </dsp:nvSpPr>
      <dsp:spPr>
        <a:xfrm>
          <a:off x="0" y="1968620"/>
          <a:ext cx="5641974" cy="9840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0010" tIns="80010" rIns="80010" bIns="80010" numCol="1" spcCol="1270" anchor="t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2100" kern="1200" dirty="0"/>
            <a:t>Je klacht wordt bezorgd aan de </a:t>
          </a:r>
          <a:r>
            <a:rPr lang="nl-BE" sz="2100" b="1" kern="1200" dirty="0" err="1"/>
            <a:t>Ombudsdienst</a:t>
          </a:r>
          <a:r>
            <a:rPr lang="nl-BE" sz="2100" b="1" kern="1200" dirty="0"/>
            <a:t> Inschrijvingen  van het LOP </a:t>
          </a:r>
          <a:r>
            <a:rPr lang="nl-BE" sz="2100" kern="1200" dirty="0"/>
            <a:t>en zal jou een antwoord bezorgen.</a:t>
          </a:r>
          <a:endParaRPr lang="en-US" sz="2100" kern="1200" dirty="0"/>
        </a:p>
      </dsp:txBody>
      <dsp:txXfrm>
        <a:off x="0" y="1968620"/>
        <a:ext cx="5641974" cy="984009"/>
      </dsp:txXfrm>
    </dsp:sp>
    <dsp:sp modelId="{020E48EE-78DF-42FD-9D54-EE44A4E291A8}">
      <dsp:nvSpPr>
        <dsp:cNvPr id="0" name=""/>
        <dsp:cNvSpPr/>
      </dsp:nvSpPr>
      <dsp:spPr>
        <a:xfrm>
          <a:off x="0" y="2952629"/>
          <a:ext cx="5641974" cy="0"/>
        </a:xfrm>
        <a:prstGeom prst="line">
          <a:avLst/>
        </a:prstGeom>
        <a:solidFill>
          <a:schemeClr val="accent2">
            <a:hueOff val="-1926143"/>
            <a:satOff val="22130"/>
            <a:lumOff val="6764"/>
            <a:alphaOff val="0"/>
          </a:schemeClr>
        </a:solidFill>
        <a:ln w="15875" cap="flat" cmpd="sng" algn="ctr">
          <a:solidFill>
            <a:schemeClr val="accent2">
              <a:hueOff val="-1926143"/>
              <a:satOff val="22130"/>
              <a:lumOff val="6764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39C4114-B1DE-4A61-A79E-3EFAF1FB081E}">
      <dsp:nvSpPr>
        <dsp:cNvPr id="0" name=""/>
        <dsp:cNvSpPr/>
      </dsp:nvSpPr>
      <dsp:spPr>
        <a:xfrm>
          <a:off x="0" y="2952629"/>
          <a:ext cx="5641974" cy="9840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0010" tIns="80010" rIns="80010" bIns="80010" numCol="1" spcCol="1270" anchor="t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2100" kern="1200"/>
            <a:t>Ben je niet tevreden met het antwoord/oplossing ?</a:t>
          </a:r>
          <a:endParaRPr lang="en-US" sz="2100" kern="1200"/>
        </a:p>
      </dsp:txBody>
      <dsp:txXfrm>
        <a:off x="0" y="2952629"/>
        <a:ext cx="5641974" cy="984009"/>
      </dsp:txXfrm>
    </dsp:sp>
    <dsp:sp modelId="{2228C6A3-7960-4625-A4ED-1FE22E9FD618}">
      <dsp:nvSpPr>
        <dsp:cNvPr id="0" name=""/>
        <dsp:cNvSpPr/>
      </dsp:nvSpPr>
      <dsp:spPr>
        <a:xfrm>
          <a:off x="0" y="3936639"/>
          <a:ext cx="5641974" cy="0"/>
        </a:xfrm>
        <a:prstGeom prst="line">
          <a:avLst/>
        </a:prstGeom>
        <a:solidFill>
          <a:schemeClr val="accent2">
            <a:hueOff val="-2568191"/>
            <a:satOff val="29507"/>
            <a:lumOff val="9019"/>
            <a:alphaOff val="0"/>
          </a:schemeClr>
        </a:solidFill>
        <a:ln w="15875" cap="flat" cmpd="sng" algn="ctr">
          <a:solidFill>
            <a:schemeClr val="accent2">
              <a:hueOff val="-2568191"/>
              <a:satOff val="29507"/>
              <a:lumOff val="9019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6D6C8F9-612A-4714-8935-937D1E8F760E}">
      <dsp:nvSpPr>
        <dsp:cNvPr id="0" name=""/>
        <dsp:cNvSpPr/>
      </dsp:nvSpPr>
      <dsp:spPr>
        <a:xfrm>
          <a:off x="0" y="3936639"/>
          <a:ext cx="5641974" cy="9840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0010" tIns="80010" rIns="80010" bIns="80010" numCol="1" spcCol="1270" anchor="t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l-BE" sz="2100" kern="1200" dirty="0"/>
            <a:t>Je kan een klacht indienen bij de Commissie inzake Leerlingenrechten.</a:t>
          </a:r>
          <a:endParaRPr lang="en-US" sz="2100" kern="1200" dirty="0"/>
        </a:p>
      </dsp:txBody>
      <dsp:txXfrm>
        <a:off x="0" y="3936639"/>
        <a:ext cx="5641974" cy="984009"/>
      </dsp:txXfrm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D12F88F-678F-4353-939B-6E251DD95DFE}">
      <dsp:nvSpPr>
        <dsp:cNvPr id="0" name=""/>
        <dsp:cNvSpPr/>
      </dsp:nvSpPr>
      <dsp:spPr>
        <a:xfrm>
          <a:off x="0" y="0"/>
          <a:ext cx="9720262" cy="4022725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8704" tIns="298704" rIns="298704" bIns="298704" numCol="1" spcCol="1270" anchor="ctr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200" kern="1200"/>
            <a:t>Waar kan je terecht om digitaal aan te melden ?</a:t>
          </a:r>
          <a:br>
            <a:rPr lang="en-US" sz="4200" kern="1200"/>
          </a:br>
          <a:endParaRPr lang="en-US" sz="4200" kern="1200"/>
        </a:p>
      </dsp:txBody>
      <dsp:txXfrm>
        <a:off x="0" y="0"/>
        <a:ext cx="9720262" cy="2172271"/>
      </dsp:txXfrm>
    </dsp:sp>
    <dsp:sp modelId="{0A40FE97-95AB-47E9-940C-761CA4FEB040}">
      <dsp:nvSpPr>
        <dsp:cNvPr id="0" name=""/>
        <dsp:cNvSpPr/>
      </dsp:nvSpPr>
      <dsp:spPr>
        <a:xfrm>
          <a:off x="4746" y="2091816"/>
          <a:ext cx="1618461" cy="1850453"/>
        </a:xfrm>
        <a:prstGeom prst="rect">
          <a:avLst/>
        </a:prstGeom>
        <a:solidFill>
          <a:schemeClr val="accent2">
            <a:tint val="40000"/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2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22860" rIns="128016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Alle scholen van Dendermonde</a:t>
          </a:r>
        </a:p>
      </dsp:txBody>
      <dsp:txXfrm>
        <a:off x="4746" y="2091816"/>
        <a:ext cx="1618461" cy="1850453"/>
      </dsp:txXfrm>
    </dsp:sp>
    <dsp:sp modelId="{792A8B9B-4278-4218-A7EB-5A80394BA39B}">
      <dsp:nvSpPr>
        <dsp:cNvPr id="0" name=""/>
        <dsp:cNvSpPr/>
      </dsp:nvSpPr>
      <dsp:spPr>
        <a:xfrm>
          <a:off x="1623207" y="2091816"/>
          <a:ext cx="1618461" cy="1850453"/>
        </a:xfrm>
        <a:prstGeom prst="rect">
          <a:avLst/>
        </a:prstGeom>
        <a:solidFill>
          <a:schemeClr val="accent3">
            <a:tint val="40000"/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3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22860" rIns="128016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De Kroon – Huis van het Kind – Kroonveldlaan 40 c</a:t>
          </a:r>
        </a:p>
      </dsp:txBody>
      <dsp:txXfrm>
        <a:off x="1623207" y="2091816"/>
        <a:ext cx="1618461" cy="1850453"/>
      </dsp:txXfrm>
    </dsp:sp>
    <dsp:sp modelId="{928BF733-022F-4AE1-8F3B-918E60061F46}">
      <dsp:nvSpPr>
        <dsp:cNvPr id="0" name=""/>
        <dsp:cNvSpPr/>
      </dsp:nvSpPr>
      <dsp:spPr>
        <a:xfrm>
          <a:off x="3241669" y="2091816"/>
          <a:ext cx="1618461" cy="1850453"/>
        </a:xfrm>
        <a:prstGeom prst="rect">
          <a:avLst/>
        </a:prstGeom>
        <a:solidFill>
          <a:schemeClr val="accent4">
            <a:tint val="40000"/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4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22860" rIns="128016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Digipunt – Lodewijk Dosfelstraat 26 (ingang via de Kapittelstraat)</a:t>
          </a:r>
        </a:p>
      </dsp:txBody>
      <dsp:txXfrm>
        <a:off x="3241669" y="2091816"/>
        <a:ext cx="1618461" cy="1850453"/>
      </dsp:txXfrm>
    </dsp:sp>
    <dsp:sp modelId="{DFF904B4-8F65-498E-912B-BF5B3B193B03}">
      <dsp:nvSpPr>
        <dsp:cNvPr id="0" name=""/>
        <dsp:cNvSpPr/>
      </dsp:nvSpPr>
      <dsp:spPr>
        <a:xfrm>
          <a:off x="4860131" y="2091816"/>
          <a:ext cx="1618461" cy="1850453"/>
        </a:xfrm>
        <a:prstGeom prst="rect">
          <a:avLst/>
        </a:prstGeom>
        <a:solidFill>
          <a:schemeClr val="accent5">
            <a:tint val="40000"/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5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22860" rIns="128016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VCLB  Waas en Dender – Dijkstraat 43</a:t>
          </a:r>
        </a:p>
      </dsp:txBody>
      <dsp:txXfrm>
        <a:off x="4860131" y="2091816"/>
        <a:ext cx="1618461" cy="1850453"/>
      </dsp:txXfrm>
    </dsp:sp>
    <dsp:sp modelId="{95D852CF-4ADC-43FC-8879-B3F8A6442A6E}">
      <dsp:nvSpPr>
        <dsp:cNvPr id="0" name=""/>
        <dsp:cNvSpPr/>
      </dsp:nvSpPr>
      <dsp:spPr>
        <a:xfrm>
          <a:off x="6478592" y="2091816"/>
          <a:ext cx="1618461" cy="1850453"/>
        </a:xfrm>
        <a:prstGeom prst="rect">
          <a:avLst/>
        </a:prstGeom>
        <a:solidFill>
          <a:schemeClr val="accent6">
            <a:tint val="40000"/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6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22860" rIns="128016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GO! CLB PRISMA – Grote Markt 25</a:t>
          </a:r>
        </a:p>
      </dsp:txBody>
      <dsp:txXfrm>
        <a:off x="6478592" y="2091816"/>
        <a:ext cx="1618461" cy="1850453"/>
      </dsp:txXfrm>
    </dsp:sp>
    <dsp:sp modelId="{DDEDF3F6-EE0B-4D1F-BEB2-F657F835AFD5}">
      <dsp:nvSpPr>
        <dsp:cNvPr id="0" name=""/>
        <dsp:cNvSpPr/>
      </dsp:nvSpPr>
      <dsp:spPr>
        <a:xfrm>
          <a:off x="8097054" y="2091816"/>
          <a:ext cx="1618461" cy="1850453"/>
        </a:xfrm>
        <a:prstGeom prst="rect">
          <a:avLst/>
        </a:prstGeom>
        <a:solidFill>
          <a:schemeClr val="accent2">
            <a:tint val="40000"/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2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22860" rIns="128016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Brugfiguren</a:t>
          </a:r>
        </a:p>
      </dsp:txBody>
      <dsp:txXfrm>
        <a:off x="8097054" y="2091816"/>
        <a:ext cx="1618461" cy="185045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6">
  <dgm:title val=""/>
  <dgm:desc val=""/>
  <dgm:catLst>
    <dgm:cat type="cycle" pri="4000"/>
    <dgm:cat type="relationship" pri="2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choose name="Name2">
          <dgm:if name="Name3" axis="ch" ptType="node" func="cnt" op="gt" val="2">
            <dgm:alg type="cycle">
              <dgm:param type="stAng" val="0"/>
              <dgm:param type="spanAng" val="360"/>
            </dgm:alg>
          </dgm:if>
          <dgm:else name="Name4">
            <dgm:alg type="cycle">
              <dgm:param type="stAng" val="-90"/>
              <dgm:param type="spanAng" val="360"/>
            </dgm:alg>
          </dgm:else>
        </dgm:choose>
      </dgm:if>
      <dgm:else name="Name5">
        <dgm:choose name="Name6">
          <dgm:if name="Name7" axis="ch" ptType="node" func="cnt" op="gt" val="2">
            <dgm:alg type="cycle">
              <dgm:param type="stAng" val="0"/>
              <dgm:param type="spanAng" val="-360"/>
            </dgm:alg>
          </dgm:if>
          <dgm:else name="Name8">
            <dgm:alg type="cycle">
              <dgm:param type="stAng" val="90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hoose name="Name9">
      <dgm:if name="Name10" func="var" arg="dir" op="equ" val="norm">
        <dgm:constrLst>
          <dgm:constr type="w" for="ch" forName="node" refType="w"/>
          <dgm:constr type="w" for="ch" ptType="sibTrans" refType="w" refFor="ch" refForName="node" op="equ" fact="0.3"/>
          <dgm:constr type="diam" for="ch" ptType="sibTrans" refType="diam" op="equ"/>
          <dgm:constr type="sibSp" refType="w" refFor="ch" refForName="node" op="equ" fact="0.15"/>
          <dgm:constr type="w" for="ch" forName="spNode" refType="sibSp" fact="1.6"/>
          <dgm:constr type="primFontSz" for="ch" forName="node" op="equ" val="65"/>
        </dgm:constrLst>
      </dgm:if>
      <dgm:else name="Name11">
        <dgm:constrLst>
          <dgm:constr type="w" for="ch" forName="node" refType="w"/>
          <dgm:constr type="w" for="ch" ptType="sibTrans" refType="w" refFor="ch" refForName="node" op="equ" fact="0.3"/>
          <dgm:constr type="diam" for="ch" ptType="sibTrans" refType="diam" op="equ" fact="-1"/>
          <dgm:constr type="sibSp" refType="w" refFor="ch" refForName="node" op="equ" fact="0.15"/>
          <dgm:constr type="w" for="ch" forName="spNode" refType="sibSp" fact="1.6"/>
          <dgm:constr type="primFontSz" for="ch" forName="node" op="equ" val="65"/>
        </dgm:constrLst>
      </dgm:else>
    </dgm:choose>
    <dgm:ruleLst/>
    <dgm:forEach name="Name12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/>
        </dgm:shape>
        <dgm:presOf axis="desOrSelf" ptType="node"/>
        <dgm:constrLst>
          <dgm:constr type="h" refType="w" fact="0.6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13">
        <dgm:if name="Name14" axis="par ch" ptType="doc node" func="cnt" op="gt" val="1">
          <dgm:layoutNode name="spNode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  <dgm:forEach name="Name15" axis="followSib" ptType="sibTrans" hideLastTrans="0" cnt="1">
            <dgm:layoutNode name="sibTrans">
              <dgm:alg type="conn">
                <dgm:param type="dim" val="1D"/>
                <dgm:param type="connRout" val="curve"/>
                <dgm:param type="begPts" val="radial"/>
                <dgm:param type="endPts" val="radial"/>
                <dgm:param type="endSty" val="noArr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connDist"/>
                <dgm:constr type="begPad" refType="connDist" fact="0.01"/>
                <dgm:constr type="endPad" refType="connDist" fact="0.01"/>
              </dgm:constrLst>
              <dgm:ruleLst/>
            </dgm:layoutNode>
          </dgm:forEach>
        </dgm:if>
        <dgm:else name="Name16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process4">
  <dgm:title val=""/>
  <dgm:desc val=""/>
  <dgm:catLst>
    <dgm:cat type="process" pri="16000"/>
    <dgm:cat type="list" pri="2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lin">
      <dgm:param type="linDir" val="fromB"/>
    </dgm:alg>
    <dgm:shape xmlns:r="http://schemas.openxmlformats.org/officeDocument/2006/relationships" r:blip="">
      <dgm:adjLst/>
    </dgm:shape>
    <dgm:presOf/>
    <dgm:constrLst>
      <dgm:constr type="h" for="ch" forName="boxAndChildren" refType="h"/>
      <dgm:constr type="h" for="ch" forName="arrowAndChildren" refType="h" refFor="ch" refForName="boxAndChildren" op="equ" fact="1.538"/>
      <dgm:constr type="w" for="ch" forName="arrowAndChildren" refType="w"/>
      <dgm:constr type="w" for="ch" forName="boxAndChildren" refType="w"/>
      <dgm:constr type="h" for="ch" forName="sp" refType="h" fact="-0.015"/>
      <dgm:constr type="primFontSz" for="des" forName="parentTextBox" val="65"/>
      <dgm:constr type="primFontSz" for="des" forName="parentTextArrow" refType="primFontSz" refFor="des" refForName="parentTextBox" op="equ"/>
      <dgm:constr type="primFontSz" for="des" forName="childTextArrow" val="65"/>
      <dgm:constr type="primFontSz" for="des" forName="childTextBox" refType="primFontSz" refFor="des" refForName="childTextArrow" op="equ"/>
    </dgm:constrLst>
    <dgm:ruleLst/>
    <dgm:forEach name="Name1" axis="ch" ptType="node" st="-1" step="-1">
      <dgm:choose name="Name2">
        <dgm:if name="Name3" axis="self" ptType="node" func="revPos" op="equ" val="1">
          <dgm:layoutNode name="boxAndChildren">
            <dgm:alg type="composite"/>
            <dgm:shape xmlns:r="http://schemas.openxmlformats.org/officeDocument/2006/relationships" r:blip="">
              <dgm:adjLst/>
            </dgm:shape>
            <dgm:presOf/>
            <dgm:choose name="Name4">
              <dgm:if name="Name5" axis="ch" ptType="node" func="cnt" op="gte" val="1">
                <dgm:constrLst>
                  <dgm:constr type="w" for="ch" forName="parentTextBox" refType="w"/>
                  <dgm:constr type="h" for="ch" forName="parentTextBox" refType="h" fact="0.54"/>
                  <dgm:constr type="t" for="ch" forName="parentTextBox"/>
                  <dgm:constr type="w" for="ch" forName="entireBox" refType="w"/>
                  <dgm:constr type="h" for="ch" forName="entireBox" refType="h"/>
                  <dgm:constr type="w" for="ch" forName="descendantBox" refType="w"/>
                  <dgm:constr type="b" for="ch" forName="descendantBox" refType="h" fact="0.98"/>
                  <dgm:constr type="h" for="ch" forName="descendantBox" refType="h" fact="0.46"/>
                </dgm:constrLst>
              </dgm:if>
              <dgm:else name="Name6">
                <dgm:constrLst>
                  <dgm:constr type="w" for="ch" forName="parentTextBox" refType="w"/>
                  <dgm:constr type="h" for="ch" forName="parentTextBox" refType="h"/>
                </dgm:constrLst>
              </dgm:else>
            </dgm:choose>
            <dgm:ruleLst/>
            <dgm:layoutNode name="parentTextBox">
              <dgm:alg type="tx"/>
              <dgm:choose name="Name7">
                <dgm:if name="Name8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9">
                  <dgm:shape xmlns:r="http://schemas.openxmlformats.org/officeDocument/2006/relationships" type="rec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10">
              <dgm:if name="Name11" axis="ch" ptType="node" func="cnt" op="gte" val="1">
                <dgm:layoutNode name="entireBox">
                  <dgm:alg type="sp"/>
                  <dgm:shape xmlns:r="http://schemas.openxmlformats.org/officeDocument/2006/relationships" type="rect" r:blip="">
                    <dgm:adjLst/>
                  </dgm:shape>
                  <dgm:presOf axis="self"/>
                  <dgm:constrLst/>
                  <dgm:ruleLst/>
                </dgm:layoutNode>
                <dgm:layoutNode name="descendantBox" styleLbl="fgAccFollowNode1">
                  <dgm:choose name="Name12">
                    <dgm:if name="Name13" func="var" arg="dir" op="equ" val="norm">
                      <dgm:alg type="lin"/>
                    </dgm:if>
                    <dgm:else name="Name14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Box" refType="w"/>
                    <dgm:constr type="h" for="ch" forName="childTextBox" refType="h"/>
                  </dgm:constrLst>
                  <dgm:ruleLst/>
                  <dgm:forEach name="Name15" axis="ch" ptType="node">
                    <dgm:layoutNode name="childTextBox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16"/>
            </dgm:choose>
          </dgm:layoutNode>
        </dgm:if>
        <dgm:else name="Name17">
          <dgm:layoutNode name="arrowAndChildren">
            <dgm:alg type="composite"/>
            <dgm:shape xmlns:r="http://schemas.openxmlformats.org/officeDocument/2006/relationships" r:blip="">
              <dgm:adjLst/>
            </dgm:shape>
            <dgm:presOf/>
            <dgm:choose name="Name18">
              <dgm:if name="Name19" axis="ch" ptType="node" func="cnt" op="gte" val="1">
                <dgm:constrLst>
                  <dgm:constr type="w" for="ch" forName="parentTextArrow" refType="w"/>
                  <dgm:constr type="t" for="ch" forName="parentTextArrow"/>
                  <dgm:constr type="h" for="ch" forName="parentTextArrow" refType="h" fact="0.351"/>
                  <dgm:constr type="w" for="ch" forName="arrow" refType="w"/>
                  <dgm:constr type="h" for="ch" forName="arrow" refType="h"/>
                  <dgm:constr type="w" for="ch" forName="descendantArrow" refType="w"/>
                  <dgm:constr type="b" for="ch" forName="descendantArrow" refType="h" fact="0.65"/>
                  <dgm:constr type="h" for="ch" forName="descendantArrow" refType="h" fact="0.299"/>
                </dgm:constrLst>
              </dgm:if>
              <dgm:else name="Name20">
                <dgm:constrLst>
                  <dgm:constr type="w" for="ch" forName="parentTextArrow" refType="w"/>
                  <dgm:constr type="h" for="ch" forName="parentTextArrow" refType="h"/>
                </dgm:constrLst>
              </dgm:else>
            </dgm:choose>
            <dgm:ruleLst/>
            <dgm:layoutNode name="parentTextArrow">
              <dgm:alg type="tx"/>
              <dgm:choose name="Name21">
                <dgm:if name="Name22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23">
                  <dgm:shape xmlns:r="http://schemas.openxmlformats.org/officeDocument/2006/relationships" rot="180" type="upArrowCallou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24">
              <dgm:if name="Name25" axis="ch" ptType="node" func="cnt" op="gte" val="1">
                <dgm:layoutNode name="arrow">
                  <dgm:alg type="sp"/>
                  <dgm:shape xmlns:r="http://schemas.openxmlformats.org/officeDocument/2006/relationships" rot="180" type="upArrowCallout" r:blip="">
                    <dgm:adjLst/>
                  </dgm:shape>
                  <dgm:presOf axis="self"/>
                  <dgm:constrLst/>
                  <dgm:ruleLst/>
                </dgm:layoutNode>
                <dgm:layoutNode name="descendantArrow">
                  <dgm:choose name="Name26">
                    <dgm:if name="Name27" func="var" arg="dir" op="equ" val="norm">
                      <dgm:alg type="lin"/>
                    </dgm:if>
                    <dgm:else name="Name28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Arrow" refType="w"/>
                    <dgm:constr type="h" for="ch" forName="childTextArrow" refType="h"/>
                  </dgm:constrLst>
                  <dgm:ruleLst/>
                  <dgm:forEach name="Name29" axis="ch" ptType="node">
                    <dgm:layoutNode name="childTextArrow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30"/>
            </dgm:choose>
          </dgm:layoutNode>
        </dgm:else>
      </dgm:choose>
      <dgm:forEach name="Name31" axis="precedSib" ptType="sibTrans" st="-1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ko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86088" cy="50165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l-BE" dirty="0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idx="1"/>
          </p:nvPr>
        </p:nvSpPr>
        <p:spPr>
          <a:xfrm>
            <a:off x="3902075" y="0"/>
            <a:ext cx="2986088" cy="50165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02D4B5A-0F00-4CE9-8260-3863DC74DEC6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4" name="Tijdelijke aanduiding voor dia-afbeelding 3"/>
          <p:cNvSpPr>
            <a:spLocks noGrp="1" noRot="1" noChangeAspect="1"/>
          </p:cNvSpPr>
          <p:nvPr>
            <p:ph type="sldImg" idx="2"/>
          </p:nvPr>
        </p:nvSpPr>
        <p:spPr>
          <a:xfrm>
            <a:off x="438150" y="1252538"/>
            <a:ext cx="6013450" cy="33829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l-BE" dirty="0"/>
          </a:p>
        </p:txBody>
      </p:sp>
      <p:sp>
        <p:nvSpPr>
          <p:cNvPr id="5" name="Tijdelijke aanduiding voor notities 4"/>
          <p:cNvSpPr>
            <a:spLocks noGrp="1"/>
          </p:cNvSpPr>
          <p:nvPr>
            <p:ph type="body" sz="quarter" idx="3"/>
          </p:nvPr>
        </p:nvSpPr>
        <p:spPr>
          <a:xfrm>
            <a:off x="688975" y="4822825"/>
            <a:ext cx="5511800" cy="394652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nl-BE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4"/>
          </p:nvPr>
        </p:nvSpPr>
        <p:spPr>
          <a:xfrm>
            <a:off x="0" y="9520238"/>
            <a:ext cx="2986088" cy="50165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l-BE" dirty="0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5"/>
          </p:nvPr>
        </p:nvSpPr>
        <p:spPr>
          <a:xfrm>
            <a:off x="3902075" y="9520238"/>
            <a:ext cx="2986088" cy="50165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8E4DFF3-B680-4533-826D-2F604B8B5B7E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20114609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ia-afbeelding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Tijdelijke aanduiding voor notiti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8E4DFF3-B680-4533-826D-2F604B8B5B7E}" type="slidenum">
              <a:rPr lang="nl-BE" smtClean="0"/>
              <a:t>15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195049845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ia-afbeelding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Tijdelijke aanduiding voor notiti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8E4DFF3-B680-4533-826D-2F604B8B5B7E}" type="slidenum">
              <a:rPr lang="nl-BE" smtClean="0"/>
              <a:t>25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394533710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4530"/>
            <a:ext cx="9144000" cy="2387600"/>
          </a:xfrm>
        </p:spPr>
        <p:txBody>
          <a:bodyPr anchor="b">
            <a:normAutofit/>
          </a:bodyPr>
          <a:lstStyle>
            <a:lvl1pPr algn="ctr">
              <a:defRPr sz="6000"/>
            </a:lvl1pPr>
          </a:lstStyle>
          <a:p>
            <a:r>
              <a:rPr lang="nl-NL"/>
              <a:t>Klik om de stijl te bewerk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nl-NL"/>
              <a:t>Klik om de ondertitelstijl van het model te bewerk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1158338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de stijl te bewerke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/>
              <a:t>Klik om de modelstijlen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55950126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0362"/>
            <a:ext cx="2628900" cy="5811838"/>
          </a:xfrm>
        </p:spPr>
        <p:txBody>
          <a:bodyPr vert="eaVert"/>
          <a:lstStyle/>
          <a:p>
            <a:r>
              <a:rPr lang="nl-NL"/>
              <a:t>Klik om de stijl te bewerken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0362"/>
            <a:ext cx="7734300" cy="5811837"/>
          </a:xfrm>
        </p:spPr>
        <p:txBody>
          <a:bodyPr vert="eaVert"/>
          <a:lstStyle/>
          <a:p>
            <a:pPr lvl="0"/>
            <a:r>
              <a:rPr lang="nl-NL"/>
              <a:t>Klik om de modelstijlen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258164380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 algn="ctr">
              <a:buNone/>
              <a:defRPr sz="18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800"/>
            </a:lvl4pPr>
            <a:lvl5pPr marL="1828800" indent="0" algn="ctr">
              <a:buNone/>
              <a:defRPr sz="1800"/>
            </a:lvl5pPr>
            <a:lvl6pPr marL="2286000" indent="0" algn="ctr">
              <a:buNone/>
              <a:defRPr sz="1800"/>
            </a:lvl6pPr>
            <a:lvl7pPr marL="2743200" indent="0" algn="ctr">
              <a:buNone/>
              <a:defRPr sz="1800"/>
            </a:lvl7pPr>
            <a:lvl8pPr marL="3200400" indent="0" algn="ctr">
              <a:buNone/>
              <a:defRPr sz="1800"/>
            </a:lvl8pPr>
            <a:lvl9pPr marL="3657600" indent="0" algn="ctr">
              <a:buNone/>
              <a:defRPr sz="1800"/>
            </a:lvl9pPr>
          </a:lstStyle>
          <a:p>
            <a:r>
              <a:rPr lang="nl-NL"/>
              <a:t>Klikken om de ondertitelstijl van het model te bewerk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  <p:cxnSp>
        <p:nvCxnSpPr>
          <p:cNvPr id="13" name="Straight Connector 12"/>
          <p:cNvCxnSpPr/>
          <p:nvPr/>
        </p:nvCxnSpPr>
        <p:spPr>
          <a:xfrm flipV="1">
            <a:off x="8386842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/>
        </p:nvSpPr>
        <p:spPr>
          <a:xfrm>
            <a:off x="0" y="0"/>
            <a:ext cx="12192000" cy="4572001"/>
          </a:xfrm>
          <a:prstGeom prst="rect">
            <a:avLst/>
          </a:prstGeom>
          <a:blipFill dpi="0" rotWithShape="1">
            <a:blip r:embed="rId2">
              <a:duotone>
                <a:schemeClr val="accent1">
                  <a:shade val="45000"/>
                  <a:satMod val="135000"/>
                </a:schemeClr>
                <a:prstClr val="white"/>
              </a:duotone>
            </a:blip>
            <a:srcRect/>
            <a:tile tx="-133350" ty="-6350" sx="50000" sy="50000" flip="none" algn="tl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08354156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320902484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b="0" spc="200" baseline="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  <p:cxnSp>
        <p:nvCxnSpPr>
          <p:cNvPr id="12" name="Straight Connector 11"/>
          <p:cNvCxnSpPr/>
          <p:nvPr/>
        </p:nvCxnSpPr>
        <p:spPr>
          <a:xfrm flipV="1">
            <a:off x="8386842" y="5264106"/>
            <a:ext cx="0" cy="914400"/>
          </a:xfrm>
          <a:prstGeom prst="line">
            <a:avLst/>
          </a:prstGeom>
          <a:ln w="1905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/>
          <p:nvPr/>
        </p:nvSpPr>
        <p:spPr>
          <a:xfrm>
            <a:off x="0" y="-1"/>
            <a:ext cx="12192000" cy="4572000"/>
          </a:xfrm>
          <a:prstGeom prst="rect">
            <a:avLst/>
          </a:prstGeom>
          <a:blipFill dpi="0" rotWithShape="1">
            <a:blip r:embed="rId2">
              <a:duotone>
                <a:schemeClr val="accent3">
                  <a:shade val="45000"/>
                  <a:satMod val="135000"/>
                </a:schemeClr>
                <a:prstClr val="white"/>
              </a:duotone>
            </a:blip>
            <a:srcRect/>
            <a:tile tx="-133350" ty="-6350" sx="50000" sy="50000" flip="none" algn="tl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06863534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24127" y="2286000"/>
            <a:ext cx="4754880" cy="4023360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89320" y="2286000"/>
            <a:ext cx="4754880" cy="4023360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415191269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300" b="0" cap="none" baseline="0">
                <a:solidFill>
                  <a:schemeClr val="accent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24128" y="2967788"/>
            <a:ext cx="4754880" cy="3341572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99088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300" b="0" kern="1200" cap="none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nl-NL"/>
              <a:t>Klikken om de tekststijl van het model te bewerk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990888" y="2967788"/>
            <a:ext cx="4754880" cy="3341572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306219855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303374577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85311697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24128" y="471509"/>
            <a:ext cx="438912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400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15000" y="822960"/>
            <a:ext cx="5678424" cy="518464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128" y="2257506"/>
            <a:ext cx="438912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33674866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de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Klik om de modelstijlen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64640642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8"/>
            <a:ext cx="7772400" cy="1463040"/>
          </a:xfrm>
        </p:spPr>
        <p:txBody>
          <a:bodyPr anchor="ctr">
            <a:normAutofit/>
          </a:bodyPr>
          <a:lstStyle>
            <a:lvl1pPr algn="r">
              <a:defRPr sz="5000" spc="200" baseline="0"/>
            </a:lvl1pPr>
          </a:lstStyle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12188952" cy="4572000"/>
          </a:xfrm>
          <a:solidFill>
            <a:schemeClr val="accent1">
              <a:lumMod val="60000"/>
              <a:lumOff val="40000"/>
            </a:schemeClr>
          </a:solidFill>
        </p:spPr>
        <p:txBody>
          <a:bodyPr lIns="457200" tIns="365760" rIns="45720" bIns="45720"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nl-NL"/>
              <a:t>Klik op het pictogram als u een afbeelding wilt toevoe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10600" y="4960138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0904749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208054784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762000"/>
            <a:ext cx="2628900" cy="5410200"/>
          </a:xfrm>
        </p:spPr>
        <p:txBody>
          <a:bodyPr vert="eaVert" lIns="45720" tIns="91440" rIns="45720" bIns="91440"/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90601" y="762000"/>
            <a:ext cx="7581900" cy="5410200"/>
          </a:xfrm>
        </p:spPr>
        <p:txBody>
          <a:bodyPr vert="eaVert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10058400" y="59263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0275267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12423"/>
            <a:ext cx="10515600" cy="2851208"/>
          </a:xfrm>
        </p:spPr>
        <p:txBody>
          <a:bodyPr anchor="b">
            <a:normAutofit/>
          </a:bodyPr>
          <a:lstStyle>
            <a:lvl1pPr>
              <a:defRPr sz="6000" b="0"/>
            </a:lvl1pPr>
          </a:lstStyle>
          <a:p>
            <a:r>
              <a:rPr lang="nl-NL"/>
              <a:t>Klik om de stijl te bewerk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52633"/>
            <a:ext cx="10515600" cy="1500187"/>
          </a:xfrm>
        </p:spPr>
        <p:txBody>
          <a:bodyPr anchor="t">
            <a:normAutofit/>
          </a:bodyPr>
          <a:lstStyle>
            <a:lvl1pPr marL="0" indent="0"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NL"/>
              <a:t>Klik om de modelstijlen te bewerk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6407918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de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5127" y="1828800"/>
            <a:ext cx="5181600" cy="4351337"/>
          </a:xfrm>
        </p:spPr>
        <p:txBody>
          <a:bodyPr/>
          <a:lstStyle/>
          <a:p>
            <a:pPr lvl="0"/>
            <a:r>
              <a:rPr lang="nl-NL"/>
              <a:t>Klik om de modelstijlen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8800"/>
            <a:ext cx="5181600" cy="4351337"/>
          </a:xfrm>
        </p:spPr>
        <p:txBody>
          <a:bodyPr/>
          <a:lstStyle/>
          <a:p>
            <a:pPr lvl="0"/>
            <a:r>
              <a:rPr lang="nl-NL"/>
              <a:t>Klik om de modelstijlen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34723256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681850"/>
            <a:ext cx="5156200" cy="825699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Klik om de modelstijlen te bewerk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5127" y="2507550"/>
            <a:ext cx="5156200" cy="3680525"/>
          </a:xfrm>
        </p:spPr>
        <p:txBody>
          <a:bodyPr/>
          <a:lstStyle/>
          <a:p>
            <a:pPr lvl="0"/>
            <a:r>
              <a:rPr lang="nl-NL"/>
              <a:t>Klik om de modelstijlen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851"/>
            <a:ext cx="5181601" cy="825698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Klik om de modelstijlen te bewerk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7550"/>
            <a:ext cx="5181601" cy="3680525"/>
          </a:xfrm>
        </p:spPr>
        <p:txBody>
          <a:bodyPr/>
          <a:lstStyle/>
          <a:p>
            <a:pPr lvl="0"/>
            <a:r>
              <a:rPr lang="nl-NL"/>
              <a:t>Klik om de modelstijlen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de stijl te bewerk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674823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de stijl te bewerke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75816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26009892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197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nl-NL"/>
              <a:t>Klik om de stijl te bewerk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/>
              <a:t>Klik om de modelstijlen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399"/>
            <a:ext cx="3931920" cy="3810001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/>
              <a:t>Klik om de modelstijlen te bewerk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100906508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931920" cy="1600200"/>
          </a:xfrm>
        </p:spPr>
        <p:txBody>
          <a:bodyPr anchor="b">
            <a:normAutofit/>
          </a:bodyPr>
          <a:lstStyle>
            <a:lvl1pPr>
              <a:defRPr sz="3200" b="0"/>
            </a:lvl1pPr>
          </a:lstStyle>
          <a:p>
            <a:r>
              <a:rPr lang="nl-NL"/>
              <a:t>Klik om de stijl te bewerken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1600" y="990600"/>
            <a:ext cx="6172200" cy="4876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nl-NL" dirty="0"/>
              <a:t>Klik op het pictogram als u een afbeelding wilt toevoe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57400"/>
            <a:ext cx="3931920" cy="38100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/>
              <a:t>Klik om de modelstijlen te bewerk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22925193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pattFill prst="dotDmnd">
          <a:fgClr>
            <a:schemeClr val="bg1"/>
          </a:fgClr>
          <a:bgClr>
            <a:schemeClr val="bg1"/>
          </a:bgClr>
        </a:patt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45127" y="365760"/>
            <a:ext cx="10515600" cy="1325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l-NL"/>
              <a:t>Klik om de stijl te bewerk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5127" y="1828800"/>
            <a:ext cx="1051560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l-NL"/>
              <a:t>Klik om de modelstijlen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1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7527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19722892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0" r:id="rId2"/>
    <p:sldLayoutId id="2147483681" r:id="rId3"/>
    <p:sldLayoutId id="2147483682" r:id="rId4"/>
    <p:sldLayoutId id="2147483683" r:id="rId5"/>
    <p:sldLayoutId id="2147483684" r:id="rId6"/>
    <p:sldLayoutId id="2147483685" r:id="rId7"/>
    <p:sldLayoutId id="2147483686" r:id="rId8"/>
    <p:sldLayoutId id="2147483687" r:id="rId9"/>
    <p:sldLayoutId id="2147483688" r:id="rId10"/>
    <p:sldLayoutId id="214748368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Wingdings 2" pitchFamily="18" charset="2"/>
        <a:buChar char="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Wingdings 2" pitchFamily="18" charset="2"/>
        <a:buChar char="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l-NL"/>
              <a:t>Klik om stijl te bewerk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286000"/>
            <a:ext cx="9720073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24129" y="6470704"/>
            <a:ext cx="2154143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38EF61C7-F7AF-41DB-99A0-564EA567A6F8}" type="datetimeFigureOut">
              <a:rPr lang="nl-BE" smtClean="0"/>
              <a:t>26/01/2024</a:t>
            </a:fld>
            <a:endParaRPr lang="nl-B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2932" y="6470704"/>
            <a:ext cx="5901459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endParaRPr lang="nl-B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837333" y="6470704"/>
            <a:ext cx="97366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E9F099F6-3647-41CA-A96D-935B46FFF8A9}" type="slidenum">
              <a:rPr lang="nl-BE" smtClean="0"/>
              <a:t>‹nr.›</a:t>
            </a:fld>
            <a:endParaRPr lang="nl-BE" dirty="0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472076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5" r:id="rId1"/>
    <p:sldLayoutId id="2147483716" r:id="rId2"/>
    <p:sldLayoutId id="2147483717" r:id="rId3"/>
    <p:sldLayoutId id="2147483718" r:id="rId4"/>
    <p:sldLayoutId id="2147483719" r:id="rId5"/>
    <p:sldLayoutId id="2147483720" r:id="rId6"/>
    <p:sldLayoutId id="2147483721" r:id="rId7"/>
    <p:sldLayoutId id="2147483722" r:id="rId8"/>
    <p:sldLayoutId id="2147483723" r:id="rId9"/>
    <p:sldLayoutId id="2147483724" r:id="rId10"/>
    <p:sldLayoutId id="2147483725" r:id="rId11"/>
  </p:sldLayoutIdLst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buNone/>
        <a:defRPr sz="5000" kern="1200" cap="all" spc="100" baseline="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Tw Cen MT" panose="020B0602020104020603" pitchFamily="34" charset="0"/>
        <a:buChar char=" 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26517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4480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9436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7724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91440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704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16152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4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8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8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8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slideLayout" Target="../slideLayouts/slideLayout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13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17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hyperlink" Target="http://www.naarschoolindendermonde.be/" TargetMode="External"/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9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://www.naarschoolindendermonde.be/" TargetMode="External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9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9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13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hyperlink" Target="http://www.naarschoolinzele.be/vrijeplaatsen" TargetMode="External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8.xml"/><Relationship Id="rId5" Type="http://schemas.openxmlformats.org/officeDocument/2006/relationships/image" Target="../media/image21.png"/><Relationship Id="rId4" Type="http://schemas.openxmlformats.org/officeDocument/2006/relationships/hyperlink" Target="https://bao.naarschoolindendermonde.be/vrije-plaatsen-schooljaar-volgend-schooljaar/" TargetMode="Externa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13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13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13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17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8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8.xml"/><Relationship Id="rId2" Type="http://schemas.openxmlformats.org/officeDocument/2006/relationships/diagramData" Target="../diagrams/data8.xml"/><Relationship Id="rId1" Type="http://schemas.openxmlformats.org/officeDocument/2006/relationships/slideLayout" Target="../slideLayouts/slideLayout13.xml"/><Relationship Id="rId6" Type="http://schemas.microsoft.com/office/2007/relationships/diagramDrawing" Target="../diagrams/drawing8.xml"/><Relationship Id="rId5" Type="http://schemas.openxmlformats.org/officeDocument/2006/relationships/diagramColors" Target="../diagrams/colors8.xml"/><Relationship Id="rId4" Type="http://schemas.openxmlformats.org/officeDocument/2006/relationships/diagramQuickStyle" Target="../diagrams/quickStyle8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hyperlink" Target="http://www.naarschoolindendermonde.be/" TargetMode="External"/><Relationship Id="rId1" Type="http://schemas.openxmlformats.org/officeDocument/2006/relationships/slideLayout" Target="../slideLayouts/slideLayout17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9.xml"/><Relationship Id="rId2" Type="http://schemas.openxmlformats.org/officeDocument/2006/relationships/diagramData" Target="../diagrams/data9.xml"/><Relationship Id="rId1" Type="http://schemas.openxmlformats.org/officeDocument/2006/relationships/slideLayout" Target="../slideLayouts/slideLayout17.xml"/><Relationship Id="rId6" Type="http://schemas.microsoft.com/office/2007/relationships/diagramDrawing" Target="../diagrams/drawing9.xml"/><Relationship Id="rId5" Type="http://schemas.openxmlformats.org/officeDocument/2006/relationships/diagramColors" Target="../diagrams/colors9.xml"/><Relationship Id="rId4" Type="http://schemas.openxmlformats.org/officeDocument/2006/relationships/diagramQuickStyle" Target="../diagrams/quickStyle9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7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hyperlink" Target="https://bao.naarschoolindendermonde.be/scholen" TargetMode="Externa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7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8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8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CF271758-7AC4-4265-8775-DCDB97A1E73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 useBgFill="1">
        <p:nvSpPr>
          <p:cNvPr id="13" name="Rectangle 12">
            <a:extLst>
              <a:ext uri="{FF2B5EF4-FFF2-40B4-BE49-F238E27FC236}">
                <a16:creationId xmlns:a16="http://schemas.microsoft.com/office/drawing/2014/main" id="{E75B2942-5EB8-4DDF-B28F-FBB3CFBD13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8129872" y="643467"/>
            <a:ext cx="3473009" cy="5571066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l"/>
            <a:r>
              <a:rPr lang="en-US" sz="4300" spc="1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anmelden en </a:t>
            </a:r>
            <a:r>
              <a:rPr lang="en-US" sz="4300" spc="100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inschrijven</a:t>
            </a:r>
            <a:r>
              <a:rPr lang="en-US" sz="4300" spc="1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in </a:t>
            </a:r>
            <a:r>
              <a:rPr lang="en-US" sz="4300" spc="100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en</a:t>
            </a:r>
            <a:r>
              <a:rPr lang="en-US" sz="4300" spc="1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basisschool in </a:t>
            </a:r>
            <a:r>
              <a:rPr lang="en-US" sz="4300" spc="100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Dendermonde</a:t>
            </a:r>
            <a:br>
              <a:rPr lang="en-US" sz="4300" spc="1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br>
              <a:rPr lang="en-US" sz="4300" spc="1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r>
              <a:rPr lang="en-US" sz="4300" spc="100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voor</a:t>
            </a:r>
            <a:r>
              <a:rPr lang="en-US" sz="4300" spc="1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</a:t>
            </a:r>
            <a:r>
              <a:rPr lang="en-US" sz="4300" spc="100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chooljaar</a:t>
            </a:r>
            <a:r>
              <a:rPr lang="en-US" sz="4300" spc="1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2024-2025</a:t>
            </a:r>
            <a:br>
              <a:rPr lang="en-US" sz="4300" spc="1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br>
              <a:rPr lang="en-US" sz="4300" spc="1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r>
              <a:rPr lang="en-US" sz="4300" spc="100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erst</a:t>
            </a:r>
            <a:r>
              <a:rPr lang="en-US" sz="4300" spc="1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</a:t>
            </a:r>
            <a:r>
              <a:rPr lang="en-US" sz="4300" spc="100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anmelden</a:t>
            </a:r>
            <a:r>
              <a:rPr lang="en-US" sz="4300" spc="1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, dan </a:t>
            </a:r>
            <a:r>
              <a:rPr lang="en-US" sz="4300" spc="100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inschrijven</a:t>
            </a:r>
            <a:endParaRPr lang="en-US" sz="4300" spc="1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35E2CABE-723A-4CF7-9B8E-761BD34EBB9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7853463" y="2514600"/>
            <a:ext cx="0" cy="18288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7" name="Tekstvak 4">
            <a:extLst>
              <a:ext uri="{FF2B5EF4-FFF2-40B4-BE49-F238E27FC236}">
                <a16:creationId xmlns:a16="http://schemas.microsoft.com/office/drawing/2014/main" id="{D2CBCC7B-8CA7-5D74-40EF-F4BB2715AE8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423981414"/>
              </p:ext>
            </p:extLst>
          </p:nvPr>
        </p:nvGraphicFramePr>
        <p:xfrm>
          <a:off x="942975" y="933450"/>
          <a:ext cx="6596063" cy="494188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76742911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Afbeelding 2">
            <a:extLst>
              <a:ext uri="{FF2B5EF4-FFF2-40B4-BE49-F238E27FC236}">
                <a16:creationId xmlns:a16="http://schemas.microsoft.com/office/drawing/2014/main" id="{F06E2FD1-5390-451D-81E2-E14497EB69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57375" y="242887"/>
            <a:ext cx="8477250" cy="63722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410892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Afbeelding 2">
            <a:extLst>
              <a:ext uri="{FF2B5EF4-FFF2-40B4-BE49-F238E27FC236}">
                <a16:creationId xmlns:a16="http://schemas.microsoft.com/office/drawing/2014/main" id="{89567998-E81B-45A3-9DE6-D3B08FAE259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47850" y="247650"/>
            <a:ext cx="8496300" cy="6362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964182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Afbeelding 2">
            <a:extLst>
              <a:ext uri="{FF2B5EF4-FFF2-40B4-BE49-F238E27FC236}">
                <a16:creationId xmlns:a16="http://schemas.microsoft.com/office/drawing/2014/main" id="{C47DE98B-BC78-47CE-BC10-61504D4B99F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85950" y="223837"/>
            <a:ext cx="8420100" cy="6410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02813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A4EA1C45-F53D-4770-AF21-73C9A4428B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nl-BE" dirty="0"/>
              <a:t>Hoe kies ik een school ?</a:t>
            </a:r>
          </a:p>
        </p:txBody>
      </p:sp>
      <p:sp>
        <p:nvSpPr>
          <p:cNvPr id="7" name="Tijdelijke aanduiding voor tekst 6">
            <a:extLst>
              <a:ext uri="{FF2B5EF4-FFF2-40B4-BE49-F238E27FC236}">
                <a16:creationId xmlns:a16="http://schemas.microsoft.com/office/drawing/2014/main" id="{CF76FAE5-AC37-4223-B5F9-5B8242A16A79}"/>
              </a:ext>
            </a:extLst>
          </p:cNvPr>
          <p:cNvSpPr>
            <a:spLocks noGrp="1"/>
          </p:cNvSpPr>
          <p:nvPr>
            <p:ph type="body" sz="half" idx="2"/>
          </p:nvPr>
        </p:nvSpPr>
        <p:spPr/>
        <p:txBody>
          <a:bodyPr/>
          <a:lstStyle/>
          <a:p>
            <a:r>
              <a:rPr lang="nl-BE" dirty="0"/>
              <a:t>Hou rekening met de eigenheid van je kind, durf vragen te stellen aan de school.  </a:t>
            </a:r>
            <a:br>
              <a:rPr lang="nl-BE" dirty="0"/>
            </a:br>
            <a:r>
              <a:rPr lang="nl-BE" dirty="0"/>
              <a:t>Neem contact met de leerkracht, directie.</a:t>
            </a:r>
          </a:p>
        </p:txBody>
      </p:sp>
      <p:sp>
        <p:nvSpPr>
          <p:cNvPr id="8" name="Tijdelijke aanduiding voor inhoud 3">
            <a:extLst>
              <a:ext uri="{FF2B5EF4-FFF2-40B4-BE49-F238E27FC236}">
                <a16:creationId xmlns:a16="http://schemas.microsoft.com/office/drawing/2014/main" id="{D6E611F8-2F5A-42B0-ACAE-1C86C3F8499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547633" y="1139627"/>
            <a:ext cx="4385304" cy="2606750"/>
          </a:xfrm>
          <a:gradFill>
            <a:gsLst>
              <a:gs pos="0">
                <a:srgbClr val="00B050"/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</p:spPr>
        <p:txBody>
          <a:bodyPr anchor="ctr">
            <a:noAutofit/>
          </a:bodyPr>
          <a:lstStyle/>
          <a:p>
            <a:r>
              <a:rPr lang="nl-BE" sz="2000" b="1" dirty="0"/>
              <a:t>Welke school is het meest dichtbij ?</a:t>
            </a:r>
          </a:p>
          <a:p>
            <a:r>
              <a:rPr lang="nl-BE" sz="2000" b="1" dirty="0"/>
              <a:t>Kan mijn kind op school eten?</a:t>
            </a:r>
          </a:p>
          <a:p>
            <a:r>
              <a:rPr lang="nl-BE" sz="2000" b="1" dirty="0"/>
              <a:t>Hoe kan ik te weten komen hoe  het met mijn kind gaat  op school?</a:t>
            </a:r>
          </a:p>
          <a:p>
            <a:r>
              <a:rPr lang="nl-BE" sz="2000" b="1" dirty="0"/>
              <a:t>In welke klas komt mijn kindje terecht?</a:t>
            </a:r>
          </a:p>
          <a:p>
            <a:r>
              <a:rPr lang="nl-BE" sz="2000" b="1" dirty="0"/>
              <a:t>…</a:t>
            </a:r>
          </a:p>
        </p:txBody>
      </p:sp>
      <p:sp>
        <p:nvSpPr>
          <p:cNvPr id="9" name="Tijdelijke aanduiding voor inhoud 2">
            <a:extLst>
              <a:ext uri="{FF2B5EF4-FFF2-40B4-BE49-F238E27FC236}">
                <a16:creationId xmlns:a16="http://schemas.microsoft.com/office/drawing/2014/main" id="{D4BB1743-58D9-4454-9CC0-76E4453A00D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7870275" y="507656"/>
            <a:ext cx="4385304" cy="2780412"/>
          </a:xfrm>
          <a:pattFill prst="pct10">
            <a:fgClr>
              <a:schemeClr val="accent1"/>
            </a:fgClr>
            <a:bgClr>
              <a:schemeClr val="bg1"/>
            </a:bgClr>
          </a:pattFill>
        </p:spPr>
        <p:txBody>
          <a:bodyPr anchor="ctr">
            <a:normAutofit/>
          </a:bodyPr>
          <a:lstStyle/>
          <a:p>
            <a:r>
              <a:rPr lang="nl-BE" sz="1900" b="1" dirty="0"/>
              <a:t>Hoe verloopt een dag op school?</a:t>
            </a:r>
          </a:p>
          <a:p>
            <a:r>
              <a:rPr lang="nl-BE" sz="1900" b="1" dirty="0"/>
              <a:t>Hoe laat is de school uit?</a:t>
            </a:r>
          </a:p>
          <a:p>
            <a:r>
              <a:rPr lang="nl-BE" sz="1900" b="1" dirty="0"/>
              <a:t>Hoe loopt de opvang voor en na schooltijd?</a:t>
            </a:r>
          </a:p>
          <a:p>
            <a:r>
              <a:rPr lang="nl-BE" sz="1900" b="1" dirty="0"/>
              <a:t>Wat neemt mijn kind mee naar school? (boekentas, koek, fruit, veiligheidshesje,…)</a:t>
            </a:r>
          </a:p>
        </p:txBody>
      </p:sp>
    </p:spTree>
    <p:extLst>
      <p:ext uri="{BB962C8B-B14F-4D97-AF65-F5344CB8AC3E}">
        <p14:creationId xmlns:p14="http://schemas.microsoft.com/office/powerpoint/2010/main" val="179321436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5" name="OTLSHAPE_M_4e47a7d5715146259cda9fe9240fd81c_Connector1"/>
          <p:cNvCxnSpPr>
            <a:cxnSpLocks/>
            <a:stCxn id="47" idx="0"/>
          </p:cNvCxnSpPr>
          <p:nvPr>
            <p:custDataLst>
              <p:tags r:id="rId2"/>
            </p:custDataLst>
          </p:nvPr>
        </p:nvCxnSpPr>
        <p:spPr>
          <a:xfrm>
            <a:off x="8165222" y="1814433"/>
            <a:ext cx="17592" cy="844588"/>
          </a:xfrm>
          <a:prstGeom prst="line">
            <a:avLst/>
          </a:prstGeom>
          <a:ln w="7620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a6a4f7a120dc4263b4ec2224c14dbfac_Connector1"/>
          <p:cNvCxnSpPr/>
          <p:nvPr>
            <p:custDataLst>
              <p:tags r:id="rId3"/>
            </p:custDataLst>
          </p:nvPr>
        </p:nvCxnSpPr>
        <p:spPr>
          <a:xfrm>
            <a:off x="6111841" y="1744176"/>
            <a:ext cx="0" cy="979974"/>
          </a:xfrm>
          <a:prstGeom prst="line">
            <a:avLst/>
          </a:prstGeom>
          <a:ln w="7620" cap="flat" cmpd="sng" algn="ctr">
            <a:solidFill>
              <a:srgbClr val="6F3198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4eaf0246cb76423a983cc604b8e1ef84_Connector1"/>
          <p:cNvCxnSpPr/>
          <p:nvPr>
            <p:custDataLst>
              <p:tags r:id="rId4"/>
            </p:custDataLst>
          </p:nvPr>
        </p:nvCxnSpPr>
        <p:spPr>
          <a:xfrm rot="5400000">
            <a:off x="3039230" y="2017623"/>
            <a:ext cx="1400355" cy="12700"/>
          </a:xfrm>
          <a:prstGeom prst="curvedConnector3">
            <a:avLst>
              <a:gd name="adj1" fmla="val 50000"/>
            </a:avLst>
          </a:prstGeom>
          <a:ln w="7620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74cbf354afbc4af2be6a8be54b35300e_Connector1"/>
          <p:cNvCxnSpPr/>
          <p:nvPr>
            <p:custDataLst>
              <p:tags r:id="rId5"/>
            </p:custDataLst>
          </p:nvPr>
        </p:nvCxnSpPr>
        <p:spPr>
          <a:xfrm>
            <a:off x="1425893" y="612118"/>
            <a:ext cx="0" cy="2128228"/>
          </a:xfrm>
          <a:prstGeom prst="line">
            <a:avLst/>
          </a:prstGeom>
          <a:ln w="7620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197119" y="2699206"/>
            <a:ext cx="711478" cy="43088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800" b="1" i="0" u="none" strike="noStrike" kern="1200" cap="none" spc="-38" normalizeH="0" baseline="0" noProof="0" dirty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4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11270186" y="2701415"/>
            <a:ext cx="711478" cy="43088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800" b="1" i="0" u="none" strike="noStrike" kern="1200" cap="none" spc="-38" normalizeH="0" baseline="0" noProof="0" dirty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15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942890" y="272415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333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19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006390" y="2821623"/>
            <a:ext cx="190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400" b="0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cxnSp>
        <p:nvCxnSpPr>
          <p:cNvPr id="20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2452717" y="28130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2516218" y="2821623"/>
            <a:ext cx="1951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400" b="0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cxnSp>
        <p:nvCxnSpPr>
          <p:cNvPr id="22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3816432" y="28130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3879933" y="28216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400" b="0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rt</a:t>
            </a:r>
          </a:p>
        </p:txBody>
      </p:sp>
      <p:cxnSp>
        <p:nvCxnSpPr>
          <p:cNvPr id="24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5326259" y="28130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5389760" y="2821623"/>
            <a:ext cx="20678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400" b="0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cxnSp>
        <p:nvCxnSpPr>
          <p:cNvPr id="26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6787382" y="28130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6850883" y="2821623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400" b="0" i="0" u="none" strike="noStrike" kern="1200" cap="none" spc="-2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i</a:t>
            </a:r>
          </a:p>
        </p:txBody>
      </p:sp>
      <p:cxnSp>
        <p:nvCxnSpPr>
          <p:cNvPr id="28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8297209" y="28130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8360710" y="2821623"/>
            <a:ext cx="19486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400" b="0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cxnSp>
        <p:nvCxnSpPr>
          <p:cNvPr id="30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9758332" y="281305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9918327" y="2839771"/>
            <a:ext cx="14613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400" b="0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XXX</a:t>
            </a:r>
          </a:p>
        </p:txBody>
      </p:sp>
      <p:sp>
        <p:nvSpPr>
          <p:cNvPr id="36" name="OTLSHAPE_M_74cbf354afbc4af2be6a8be54b35300e_Title"/>
          <p:cNvSpPr txBox="1"/>
          <p:nvPr>
            <p:custDataLst>
              <p:tags r:id="rId25"/>
            </p:custDataLst>
          </p:nvPr>
        </p:nvSpPr>
        <p:spPr>
          <a:xfrm>
            <a:off x="1590994" y="549655"/>
            <a:ext cx="783826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voorrangsperiode ° 2022 – broers - zussen</a:t>
            </a:r>
          </a:p>
        </p:txBody>
      </p:sp>
      <p:sp>
        <p:nvSpPr>
          <p:cNvPr id="37" name="OTLSHAPE_M_74cbf354afbc4af2be6a8be54b35300e_Date"/>
          <p:cNvSpPr txBox="1"/>
          <p:nvPr>
            <p:custDataLst>
              <p:tags r:id="rId26"/>
            </p:custDataLst>
          </p:nvPr>
        </p:nvSpPr>
        <p:spPr>
          <a:xfrm>
            <a:off x="1508443" y="871268"/>
            <a:ext cx="287908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l-BE" sz="2000" b="1" spc="-8" dirty="0">
                <a:solidFill>
                  <a:srgbClr val="1F497E"/>
                </a:solidFill>
                <a:latin typeface="Calibri" panose="020F0502020204030204" pitchFamily="34" charset="0"/>
              </a:rPr>
              <a:t>15/01/2024 – 9/2/2024</a:t>
            </a:r>
            <a:endParaRPr kumimoji="0" lang="nl-BE" sz="20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" name="OTLSHAPE_M_74cbf354afbc4af2be6a8be54b35300e_Shape"/>
          <p:cNvSpPr/>
          <p:nvPr>
            <p:custDataLst>
              <p:tags r:id="rId27"/>
            </p:custDataLst>
          </p:nvPr>
        </p:nvSpPr>
        <p:spPr>
          <a:xfrm rot="16200000">
            <a:off x="1425893" y="55790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M_4eaf0246cb76423a983cc604b8e1ef84_Title"/>
          <p:cNvSpPr txBox="1"/>
          <p:nvPr>
            <p:custDataLst>
              <p:tags r:id="rId28"/>
            </p:custDataLst>
          </p:nvPr>
        </p:nvSpPr>
        <p:spPr>
          <a:xfrm>
            <a:off x="3942901" y="1233866"/>
            <a:ext cx="1891608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000" b="1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aanmelden</a:t>
            </a:r>
          </a:p>
        </p:txBody>
      </p:sp>
      <p:sp>
        <p:nvSpPr>
          <p:cNvPr id="40" name="OTLSHAPE_M_4eaf0246cb76423a983cc604b8e1ef84_Date"/>
          <p:cNvSpPr txBox="1"/>
          <p:nvPr>
            <p:custDataLst>
              <p:tags r:id="rId29"/>
            </p:custDataLst>
          </p:nvPr>
        </p:nvSpPr>
        <p:spPr>
          <a:xfrm>
            <a:off x="3828308" y="1491305"/>
            <a:ext cx="129647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000" b="1" i="0" u="none" strike="noStrike" kern="1200" cap="none" spc="-8" normalizeH="0" baseline="0" noProof="0" dirty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7/02/2024</a:t>
            </a:r>
          </a:p>
        </p:txBody>
      </p:sp>
      <p:sp>
        <p:nvSpPr>
          <p:cNvPr id="41" name="OTLSHAPE_M_4eaf0246cb76423a983cc604b8e1ef84_Shape"/>
          <p:cNvSpPr/>
          <p:nvPr>
            <p:custDataLst>
              <p:tags r:id="rId30"/>
            </p:custDataLst>
          </p:nvPr>
        </p:nvSpPr>
        <p:spPr>
          <a:xfrm rot="16200000">
            <a:off x="3745758" y="127397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M_a6a4f7a120dc4263b4ec2224c14dbfac_Title"/>
          <p:cNvSpPr txBox="1"/>
          <p:nvPr>
            <p:custDataLst>
              <p:tags r:id="rId31"/>
            </p:custDataLst>
          </p:nvPr>
        </p:nvSpPr>
        <p:spPr>
          <a:xfrm>
            <a:off x="6316232" y="1497801"/>
            <a:ext cx="3785592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inschrijven</a:t>
            </a:r>
          </a:p>
        </p:txBody>
      </p:sp>
      <p:sp>
        <p:nvSpPr>
          <p:cNvPr id="43" name="OTLSHAPE_M_a6a4f7a120dc4263b4ec2224c14dbfac_Date"/>
          <p:cNvSpPr txBox="1"/>
          <p:nvPr>
            <p:custDataLst>
              <p:tags r:id="rId32"/>
            </p:custDataLst>
          </p:nvPr>
        </p:nvSpPr>
        <p:spPr>
          <a:xfrm>
            <a:off x="6143687" y="1780946"/>
            <a:ext cx="1555391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l-BE" sz="2000" b="1" spc="-8" dirty="0">
                <a:solidFill>
                  <a:srgbClr val="1F497E"/>
                </a:solidFill>
                <a:latin typeface="Calibri" panose="020F0502020204030204" pitchFamily="34" charset="0"/>
              </a:rPr>
              <a:t>22</a:t>
            </a:r>
            <a:r>
              <a:rPr kumimoji="0" lang="nl-BE" sz="2000" b="1" i="0" u="none" strike="noStrike" kern="1200" cap="none" spc="-8" normalizeH="0" baseline="0" noProof="0" dirty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/04/2024</a:t>
            </a:r>
          </a:p>
        </p:txBody>
      </p:sp>
      <p:sp>
        <p:nvSpPr>
          <p:cNvPr id="44" name="OTLSHAPE_M_a6a4f7a120dc4263b4ec2224c14dbfac_Shape"/>
          <p:cNvSpPr/>
          <p:nvPr>
            <p:custDataLst>
              <p:tags r:id="rId33"/>
            </p:custDataLst>
          </p:nvPr>
        </p:nvSpPr>
        <p:spPr>
          <a:xfrm rot="16200000">
            <a:off x="6109558" y="1567709"/>
            <a:ext cx="165100" cy="1651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M_4e47a7d5715146259cda9fe9240fd81c_Title"/>
          <p:cNvSpPr txBox="1"/>
          <p:nvPr>
            <p:custDataLst>
              <p:tags r:id="rId34"/>
            </p:custDataLst>
          </p:nvPr>
        </p:nvSpPr>
        <p:spPr>
          <a:xfrm>
            <a:off x="8418004" y="1721441"/>
            <a:ext cx="300064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vrije inschrijvingen</a:t>
            </a:r>
          </a:p>
        </p:txBody>
      </p:sp>
      <p:sp>
        <p:nvSpPr>
          <p:cNvPr id="46" name="OTLSHAPE_M_4e47a7d5715146259cda9fe9240fd81c_Date"/>
          <p:cNvSpPr txBox="1"/>
          <p:nvPr>
            <p:custDataLst>
              <p:tags r:id="rId35"/>
            </p:custDataLst>
          </p:nvPr>
        </p:nvSpPr>
        <p:spPr>
          <a:xfrm>
            <a:off x="8448869" y="1987787"/>
            <a:ext cx="160222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l-BE" sz="2000" b="1" spc="-8" dirty="0">
                <a:solidFill>
                  <a:srgbClr val="1F497E"/>
                </a:solidFill>
                <a:latin typeface="Calibri" panose="020F0502020204030204" pitchFamily="34" charset="0"/>
              </a:rPr>
              <a:t>23</a:t>
            </a:r>
            <a:r>
              <a:rPr kumimoji="0" lang="nl-BE" sz="2000" b="1" i="0" u="none" strike="noStrike" kern="1200" cap="none" spc="-8" normalizeH="0" baseline="0" noProof="0" dirty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/5/2024</a:t>
            </a:r>
          </a:p>
        </p:txBody>
      </p:sp>
      <p:sp>
        <p:nvSpPr>
          <p:cNvPr id="47" name="OTLSHAPE_M_4e47a7d5715146259cda9fe9240fd81c_Shape"/>
          <p:cNvSpPr/>
          <p:nvPr>
            <p:custDataLst>
              <p:tags r:id="rId36"/>
            </p:custDataLst>
          </p:nvPr>
        </p:nvSpPr>
        <p:spPr>
          <a:xfrm rot="16200000">
            <a:off x="8165222" y="1731883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OTLSHAPE_T_ec07c4d3eab84135a824575915be7e37_ShapePercentage" hidden="1"/>
          <p:cNvSpPr/>
          <p:nvPr>
            <p:custDataLst>
              <p:tags r:id="rId37"/>
            </p:custDataLst>
          </p:nvPr>
        </p:nvSpPr>
        <p:spPr>
          <a:xfrm>
            <a:off x="1956152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T_ec07c4d3eab84135a824575915be7e37_Duration" hidden="1"/>
          <p:cNvSpPr txBox="1"/>
          <p:nvPr>
            <p:custDataLst>
              <p:tags r:id="rId38"/>
            </p:custDataLst>
          </p:nvPr>
        </p:nvSpPr>
        <p:spPr>
          <a:xfrm>
            <a:off x="0" y="3632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1000" b="0" i="0" u="none" strike="noStrike" kern="1200" cap="none" spc="0" normalizeH="0" baseline="0" noProof="0" dirty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 days</a:t>
            </a:r>
          </a:p>
        </p:txBody>
      </p:sp>
      <p:sp>
        <p:nvSpPr>
          <p:cNvPr id="51" name="OTLSHAPE_T_ec07c4d3eab84135a824575915be7e37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" name="OTLSHAPE_T_ec07c4d3eab84135a824575915be7e37_StartDate" hidden="1"/>
          <p:cNvSpPr txBox="1"/>
          <p:nvPr>
            <p:custDataLst>
              <p:tags r:id="rId40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" name="OTLSHAPE_T_ec07c4d3eab84135a824575915be7e37_EndDate" hidden="1"/>
          <p:cNvSpPr txBox="1"/>
          <p:nvPr>
            <p:custDataLst>
              <p:tags r:id="rId41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" name="OTLSHAPE_T_cd0a951881d0408c98628f62cfb4679d_ShapePercentage" hidden="1"/>
          <p:cNvSpPr/>
          <p:nvPr>
            <p:custDataLst>
              <p:tags r:id="rId42"/>
            </p:custDataLst>
          </p:nvPr>
        </p:nvSpPr>
        <p:spPr>
          <a:xfrm>
            <a:off x="4001724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T_cd0a951881d0408c98628f62cfb4679d_Duration" hidden="1"/>
          <p:cNvSpPr txBox="1"/>
          <p:nvPr>
            <p:custDataLst>
              <p:tags r:id="rId43"/>
            </p:custDataLst>
          </p:nvPr>
        </p:nvSpPr>
        <p:spPr>
          <a:xfrm>
            <a:off x="0" y="3898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1000" b="0" i="0" u="none" strike="noStrike" kern="1200" cap="none" spc="0" normalizeH="0" baseline="0" noProof="0" dirty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 days</a:t>
            </a:r>
          </a:p>
        </p:txBody>
      </p:sp>
      <p:sp>
        <p:nvSpPr>
          <p:cNvPr id="59" name="OTLSHAPE_T_cd0a951881d0408c98628f62cfb4679d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" name="OTLSHAPE_T_cd0a951881d0408c98628f62cfb4679d_StartDate" hidden="1"/>
          <p:cNvSpPr txBox="1"/>
          <p:nvPr>
            <p:custDataLst>
              <p:tags r:id="rId45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" name="OTLSHAPE_T_cd0a951881d0408c98628f62cfb4679d_EndDate" hidden="1"/>
          <p:cNvSpPr txBox="1"/>
          <p:nvPr>
            <p:custDataLst>
              <p:tags r:id="rId46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" name="OTLSHAPE_T_cd0a951881d0408c98628f62cfb4679d_JoinedDate"/>
          <p:cNvSpPr txBox="1"/>
          <p:nvPr>
            <p:custDataLst>
              <p:tags r:id="rId47"/>
            </p:custDataLst>
          </p:nvPr>
        </p:nvSpPr>
        <p:spPr>
          <a:xfrm>
            <a:off x="2381112" y="3373821"/>
            <a:ext cx="214650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400" b="1" i="0" u="none" strike="noStrike" kern="1200" cap="none" spc="-6" normalizeH="0" baseline="0" noProof="0" dirty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7/02/2024 - 19/3/2024</a:t>
            </a:r>
          </a:p>
        </p:txBody>
      </p:sp>
      <p:sp>
        <p:nvSpPr>
          <p:cNvPr id="65" name="OTLSHAPE_T_b2dcd5dceb8847dfa1a9d981de4d6182_ShapePercentage" hidden="1"/>
          <p:cNvSpPr/>
          <p:nvPr>
            <p:custDataLst>
              <p:tags r:id="rId48"/>
            </p:custDataLst>
          </p:nvPr>
        </p:nvSpPr>
        <p:spPr>
          <a:xfrm>
            <a:off x="6047296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6" name="OTLSHAPE_T_b2dcd5dceb8847dfa1a9d981de4d6182_Duration" hidden="1"/>
          <p:cNvSpPr txBox="1"/>
          <p:nvPr>
            <p:custDataLst>
              <p:tags r:id="rId49"/>
            </p:custDataLst>
          </p:nvPr>
        </p:nvSpPr>
        <p:spPr>
          <a:xfrm>
            <a:off x="0" y="4165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1000" b="0" i="0" u="none" strike="noStrike" kern="1200" cap="none" spc="0" normalizeH="0" baseline="0" noProof="0" dirty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4 days</a:t>
            </a:r>
          </a:p>
        </p:txBody>
      </p:sp>
      <p:sp>
        <p:nvSpPr>
          <p:cNvPr id="67" name="OTLSHAPE_T_b2dcd5dceb8847dfa1a9d981de4d6182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8" name="OTLSHAPE_T_b2dcd5dceb8847dfa1a9d981de4d6182_StartDate" hidden="1"/>
          <p:cNvSpPr txBox="1"/>
          <p:nvPr>
            <p:custDataLst>
              <p:tags r:id="rId51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9" name="OTLSHAPE_T_b2dcd5dceb8847dfa1a9d981de4d6182_EndDate" hidden="1"/>
          <p:cNvSpPr txBox="1"/>
          <p:nvPr>
            <p:custDataLst>
              <p:tags r:id="rId52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" name="OTLSHAPE_T_b2dcd5dceb8847dfa1a9d981de4d6182_JoinedDate"/>
          <p:cNvSpPr txBox="1"/>
          <p:nvPr>
            <p:custDataLst>
              <p:tags r:id="rId53"/>
            </p:custDataLst>
          </p:nvPr>
        </p:nvSpPr>
        <p:spPr>
          <a:xfrm>
            <a:off x="5493154" y="3374349"/>
            <a:ext cx="1961499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l-BE" sz="2400" b="1" spc="-6" dirty="0">
                <a:solidFill>
                  <a:srgbClr val="1F497E"/>
                </a:solidFill>
                <a:latin typeface="Calibri" panose="020F0502020204030204" pitchFamily="34" charset="0"/>
              </a:rPr>
              <a:t>22</a:t>
            </a:r>
            <a:r>
              <a:rPr kumimoji="0" lang="nl-BE" sz="2400" b="1" i="0" u="none" strike="noStrike" kern="1200" cap="none" spc="-6" normalizeH="0" baseline="0" noProof="0" dirty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/04/2024 - </a:t>
            </a:r>
            <a:r>
              <a:rPr lang="nl-BE" sz="2400" b="1" spc="-6" dirty="0">
                <a:solidFill>
                  <a:srgbClr val="1F497E"/>
                </a:solidFill>
                <a:latin typeface="Calibri" panose="020F0502020204030204" pitchFamily="34" charset="0"/>
              </a:rPr>
              <a:t>13</a:t>
            </a:r>
            <a:r>
              <a:rPr kumimoji="0" lang="nl-BE" sz="2400" b="1" i="0" u="none" strike="noStrike" kern="1200" cap="none" spc="-6" normalizeH="0" baseline="0" noProof="0" dirty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/05/2024</a:t>
            </a:r>
          </a:p>
        </p:txBody>
      </p:sp>
      <p:sp>
        <p:nvSpPr>
          <p:cNvPr id="73" name="OTLSHAPE_T_edb18f0736ed4f25a4332c59b51701b0_ShapePercentage" hidden="1"/>
          <p:cNvSpPr/>
          <p:nvPr>
            <p:custDataLst>
              <p:tags r:id="rId54"/>
            </p:custDataLst>
          </p:nvPr>
        </p:nvSpPr>
        <p:spPr>
          <a:xfrm>
            <a:off x="8092869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OTLSHAPE_T_edb18f0736ed4f25a4332c59b51701b0_Duration" hidden="1"/>
          <p:cNvSpPr txBox="1"/>
          <p:nvPr>
            <p:custDataLst>
              <p:tags r:id="rId55"/>
            </p:custDataLst>
          </p:nvPr>
        </p:nvSpPr>
        <p:spPr>
          <a:xfrm>
            <a:off x="0" y="4432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1000" b="0" i="0" u="none" strike="noStrike" kern="1200" cap="none" spc="0" normalizeH="0" baseline="0" noProof="0" dirty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3 days</a:t>
            </a:r>
          </a:p>
        </p:txBody>
      </p:sp>
      <p:sp>
        <p:nvSpPr>
          <p:cNvPr id="75" name="OTLSHAPE_T_edb18f0736ed4f25a4332c59b51701b0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6" name="OTLSHAPE_T_edb18f0736ed4f25a4332c59b51701b0_StartDate" hidden="1"/>
          <p:cNvSpPr txBox="1"/>
          <p:nvPr>
            <p:custDataLst>
              <p:tags r:id="rId57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7" name="OTLSHAPE_T_edb18f0736ed4f25a4332c59b51701b0_EndDate" hidden="1"/>
          <p:cNvSpPr txBox="1"/>
          <p:nvPr>
            <p:custDataLst>
              <p:tags r:id="rId58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BE" sz="1000" b="0" i="0" u="none" strike="noStrike" kern="1200" cap="none" spc="0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8" name="OTLSHAPE_T_edb18f0736ed4f25a4332c59b51701b0_JoinedDate"/>
          <p:cNvSpPr txBox="1"/>
          <p:nvPr>
            <p:custDataLst>
              <p:tags r:id="rId59"/>
            </p:custDataLst>
          </p:nvPr>
        </p:nvSpPr>
        <p:spPr>
          <a:xfrm>
            <a:off x="7982557" y="3531126"/>
            <a:ext cx="319835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400" b="1" i="0" u="none" strike="noStrike" kern="1200" cap="none" spc="-6" normalizeH="0" baseline="0" noProof="0" dirty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/05/2024–XXX/2025</a:t>
            </a:r>
          </a:p>
        </p:txBody>
      </p:sp>
      <p:sp>
        <p:nvSpPr>
          <p:cNvPr id="84" name="intervalshape"/>
          <p:cNvSpPr/>
          <p:nvPr>
            <p:custDataLst>
              <p:tags r:id="rId60"/>
            </p:custDataLst>
          </p:nvPr>
        </p:nvSpPr>
        <p:spPr>
          <a:xfrm>
            <a:off x="2452718" y="4138124"/>
            <a:ext cx="2740720" cy="953036"/>
          </a:xfrm>
          <a:prstGeom prst="chevron">
            <a:avLst/>
          </a:prstGeom>
          <a:solidFill>
            <a:srgbClr val="00B050"/>
          </a:solidFill>
          <a:ln w="9525" cap="flat" cmpd="sng" algn="ctr">
            <a:noFill/>
            <a:prstDash val="solid"/>
          </a:ln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l-BE" b="1" dirty="0">
                <a:solidFill>
                  <a:prstClr val="black"/>
                </a:solidFill>
                <a:latin typeface="Calibri" panose="020F0502020204030204"/>
              </a:rPr>
              <a:t>Aanmeldperiode</a:t>
            </a:r>
            <a:endParaRPr kumimoji="0" lang="nl-BE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" name="intervalshape"/>
          <p:cNvSpPr/>
          <p:nvPr>
            <p:custDataLst>
              <p:tags r:id="rId61"/>
            </p:custDataLst>
          </p:nvPr>
        </p:nvSpPr>
        <p:spPr>
          <a:xfrm>
            <a:off x="5563910" y="4104622"/>
            <a:ext cx="3198349" cy="1053304"/>
          </a:xfrm>
          <a:prstGeom prst="chevron">
            <a:avLst/>
          </a:prstGeom>
          <a:solidFill>
            <a:srgbClr val="7030A0"/>
          </a:solidFill>
          <a:ln w="9525" cap="flat" cmpd="sng" algn="ctr">
            <a:noFill/>
            <a:prstDash val="solid"/>
          </a:ln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eriode inschrijven kinderen met </a:t>
            </a:r>
            <a:br>
              <a:rPr kumimoji="0" lang="nl-B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nl-B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ewijzing</a:t>
            </a:r>
          </a:p>
        </p:txBody>
      </p:sp>
      <p:sp>
        <p:nvSpPr>
          <p:cNvPr id="86" name="intervalshape"/>
          <p:cNvSpPr/>
          <p:nvPr>
            <p:custDataLst>
              <p:tags r:id="rId62"/>
            </p:custDataLst>
          </p:nvPr>
        </p:nvSpPr>
        <p:spPr>
          <a:xfrm>
            <a:off x="8618640" y="4085124"/>
            <a:ext cx="3046618" cy="889992"/>
          </a:xfrm>
          <a:prstGeom prst="chevron">
            <a:avLst/>
          </a:prstGeom>
          <a:solidFill>
            <a:srgbClr val="FFC000"/>
          </a:solidFill>
          <a:ln w="9525" cap="flat" cmpd="sng" algn="ctr">
            <a:noFill/>
            <a:prstDash val="solid"/>
          </a:ln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rije Inschrijvingsperiode</a:t>
            </a:r>
          </a:p>
        </p:txBody>
      </p:sp>
      <p:sp>
        <p:nvSpPr>
          <p:cNvPr id="87" name="pgshape"/>
          <p:cNvSpPr txBox="1"/>
          <p:nvPr>
            <p:custDataLst>
              <p:tags r:id="rId63"/>
            </p:custDataLst>
          </p:nvPr>
        </p:nvSpPr>
        <p:spPr>
          <a:xfrm>
            <a:off x="1" y="5465810"/>
            <a:ext cx="12191999" cy="1144016"/>
          </a:xfrm>
          <a:prstGeom prst="rect">
            <a:avLst/>
          </a:prstGeom>
          <a:noFill/>
          <a:scene3d>
            <a:camera prst="perspectiveRelaxedModerately"/>
            <a:lightRig rig="threePt" dir="t"/>
          </a:scene3d>
        </p:spPr>
        <p:txBody>
          <a:bodyPr vert="horz" wrap="non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400" b="1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highlight>
                  <a:srgbClr val="C0C0C0"/>
                </a:highlight>
                <a:uLnTx/>
                <a:uFillTx/>
                <a:latin typeface="Calibri"/>
                <a:ea typeface="+mn-ea"/>
                <a:cs typeface="+mn-cs"/>
              </a:rPr>
              <a:t>Tijdlijn aanmelden en inschrijven in het basisonderwijs Dendermond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BE" sz="2400" b="1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highlight>
                  <a:srgbClr val="C0C0C0"/>
                </a:highlight>
                <a:uLnTx/>
                <a:uFillTx/>
                <a:latin typeface="Calibri"/>
                <a:ea typeface="+mn-ea"/>
                <a:cs typeface="+mn-cs"/>
              </a:rPr>
              <a:t>schooljaar 2024- 202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1302369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dirty="0"/>
              <a:t>Specifieke Inschrijfperiode voor Voorrangsgroepen</a:t>
            </a:r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552450" y="1971674"/>
            <a:ext cx="11029950" cy="1079257"/>
          </a:xfrm>
        </p:spPr>
        <p:txBody>
          <a:bodyPr>
            <a:normAutofit fontScale="32500" lnSpcReduction="20000"/>
          </a:bodyPr>
          <a:lstStyle/>
          <a:p>
            <a:endParaRPr lang="nl-BE" dirty="0">
              <a:solidFill>
                <a:schemeClr val="tx1"/>
              </a:solidFill>
            </a:endParaRPr>
          </a:p>
          <a:p>
            <a:pPr>
              <a:buFont typeface="Wingdings" panose="05000000000000000000" pitchFamily="2" charset="2"/>
              <a:buChar char="v"/>
            </a:pPr>
            <a:r>
              <a:rPr lang="nl-BE" sz="6200" dirty="0">
                <a:solidFill>
                  <a:schemeClr val="tx1"/>
                </a:solidFill>
              </a:rPr>
              <a:t>Broertjes en zusjes geboren in 2022</a:t>
            </a:r>
          </a:p>
          <a:p>
            <a:pPr>
              <a:buFont typeface="Wingdings" panose="05000000000000000000" pitchFamily="2" charset="2"/>
              <a:buChar char="v"/>
            </a:pPr>
            <a:r>
              <a:rPr lang="nl-BE" sz="6200" dirty="0">
                <a:solidFill>
                  <a:schemeClr val="tx1"/>
                </a:solidFill>
              </a:rPr>
              <a:t>Kinderen van personeel geboren in 2022</a:t>
            </a:r>
          </a:p>
        </p:txBody>
      </p:sp>
      <p:sp>
        <p:nvSpPr>
          <p:cNvPr id="4" name="Tekstvak 3"/>
          <p:cNvSpPr txBox="1"/>
          <p:nvPr/>
        </p:nvSpPr>
        <p:spPr>
          <a:xfrm>
            <a:off x="103695" y="3229669"/>
            <a:ext cx="10833935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BE" b="1" dirty="0"/>
              <a:t>Zij melden niet aan en kan je rechtstreeks inschrijven op school tijdens de voorrangsperiode.</a:t>
            </a:r>
            <a:br>
              <a:rPr lang="nl-BE" b="1" dirty="0"/>
            </a:br>
            <a:r>
              <a:rPr lang="nl-BE" b="1" dirty="0"/>
              <a:t>Contacteer de school.  Maak vooraf een afspraak.</a:t>
            </a:r>
          </a:p>
          <a:p>
            <a:pPr algn="r"/>
            <a:r>
              <a:rPr lang="nl-BE" b="1" dirty="0"/>
              <a:t> </a:t>
            </a:r>
          </a:p>
          <a:p>
            <a:endParaRPr lang="nl-BE" b="1" dirty="0"/>
          </a:p>
          <a:p>
            <a:pPr algn="ctr"/>
            <a:r>
              <a:rPr lang="nl-BE" sz="2800" b="1" dirty="0">
                <a:highlight>
                  <a:srgbClr val="FFFF00"/>
                </a:highlight>
              </a:rPr>
              <a:t>15 januari 2024 tot en met  9 februari 2024</a:t>
            </a:r>
          </a:p>
        </p:txBody>
      </p:sp>
      <p:sp>
        <p:nvSpPr>
          <p:cNvPr id="5" name="Tekstvak 4">
            <a:extLst>
              <a:ext uri="{FF2B5EF4-FFF2-40B4-BE49-F238E27FC236}">
                <a16:creationId xmlns:a16="http://schemas.microsoft.com/office/drawing/2014/main" id="{D97A5EBE-9600-4CDF-89E0-12A75ABCC740}"/>
              </a:ext>
            </a:extLst>
          </p:cNvPr>
          <p:cNvSpPr txBox="1"/>
          <p:nvPr/>
        </p:nvSpPr>
        <p:spPr>
          <a:xfrm>
            <a:off x="9436963" y="683581"/>
            <a:ext cx="214543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BE" dirty="0">
                <a:solidFill>
                  <a:srgbClr val="00B050"/>
                </a:solidFill>
              </a:rPr>
              <a:t>Basisonderwijs</a:t>
            </a:r>
          </a:p>
        </p:txBody>
      </p:sp>
    </p:spTree>
    <p:extLst>
      <p:ext uri="{BB962C8B-B14F-4D97-AF65-F5344CB8AC3E}">
        <p14:creationId xmlns:p14="http://schemas.microsoft.com/office/powerpoint/2010/main" val="160908935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49804" y="2338928"/>
            <a:ext cx="6006596" cy="1508760"/>
          </a:xfrm>
        </p:spPr>
        <p:txBody>
          <a:bodyPr vert="horz" lIns="91440" tIns="45720" rIns="91440" bIns="45720" rtlCol="0">
            <a:normAutofit/>
          </a:bodyPr>
          <a:lstStyle/>
          <a:p>
            <a:pPr algn="ctr"/>
            <a:r>
              <a:rPr lang="en-US" cap="none" dirty="0">
                <a:solidFill>
                  <a:schemeClr val="tx2"/>
                </a:solidFill>
              </a:rPr>
              <a:t>Wat is het verschil tussen aanmelden en inschrijven ?</a:t>
            </a:r>
            <a:endParaRPr lang="en-US" kern="1200" cap="none" dirty="0">
              <a:solidFill>
                <a:schemeClr val="tx2"/>
              </a:solidFill>
              <a:latin typeface="+mj-lt"/>
              <a:ea typeface="+mj-ea"/>
              <a:cs typeface="+mj-cs"/>
            </a:endParaRPr>
          </a:p>
        </p:txBody>
      </p:sp>
      <p:graphicFrame>
        <p:nvGraphicFramePr>
          <p:cNvPr id="6" name="Tekstvak 2">
            <a:extLst>
              <a:ext uri="{FF2B5EF4-FFF2-40B4-BE49-F238E27FC236}">
                <a16:creationId xmlns:a16="http://schemas.microsoft.com/office/drawing/2014/main" id="{6BE06390-6BA5-4DCC-AAB1-0FBC8209F17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769896036"/>
              </p:ext>
            </p:extLst>
          </p:nvPr>
        </p:nvGraphicFramePr>
        <p:xfrm>
          <a:off x="8153400" y="927809"/>
          <a:ext cx="3394220" cy="492248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56573667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22570" y="838646"/>
            <a:ext cx="4031724" cy="5180709"/>
          </a:xfrm>
        </p:spPr>
        <p:txBody>
          <a:bodyPr>
            <a:normAutofit/>
          </a:bodyPr>
          <a:lstStyle/>
          <a:p>
            <a:r>
              <a:rPr lang="nl-BE" sz="3600" dirty="0"/>
              <a:t>Wie meldt aan ?</a:t>
            </a:r>
            <a:br>
              <a:rPr lang="nl-BE" sz="3600" dirty="0"/>
            </a:br>
            <a:br>
              <a:rPr lang="nl-BE" sz="3600" dirty="0"/>
            </a:br>
            <a:r>
              <a:rPr lang="nl-BE" sz="3600" cap="none" dirty="0"/>
              <a:t>Kinderen geboren in 2022 en alle andere kinderen melden aan</a:t>
            </a:r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5163671" y="838647"/>
            <a:ext cx="5823328" cy="5180708"/>
          </a:xfrm>
        </p:spPr>
        <p:txBody>
          <a:bodyPr anchor="ctr">
            <a:normAutofit/>
          </a:bodyPr>
          <a:lstStyle/>
          <a:p>
            <a:pPr marL="0" indent="0">
              <a:buNone/>
            </a:pPr>
            <a:r>
              <a:rPr lang="nl-BE" sz="2000" b="1" dirty="0">
                <a:solidFill>
                  <a:schemeClr val="tx2"/>
                </a:solidFill>
              </a:rPr>
              <a:t>Alle ouders van kinderen geboren in 2022 melden hun kind eerst aan.</a:t>
            </a:r>
          </a:p>
          <a:p>
            <a:endParaRPr lang="nl-BE" sz="2000" b="1" dirty="0">
              <a:solidFill>
                <a:schemeClr val="tx2"/>
              </a:solidFill>
            </a:endParaRPr>
          </a:p>
          <a:p>
            <a:pPr marL="0" indent="0">
              <a:buNone/>
            </a:pPr>
            <a:r>
              <a:rPr lang="nl-BE" sz="2000" b="1" dirty="0">
                <a:solidFill>
                  <a:schemeClr val="tx2"/>
                </a:solidFill>
              </a:rPr>
              <a:t>Geboren in januari 2022 of in december 2022 ?</a:t>
            </a:r>
          </a:p>
          <a:p>
            <a:pPr marL="0" indent="0">
              <a:buNone/>
            </a:pPr>
            <a:r>
              <a:rPr lang="nl-BE" sz="2000" b="1" dirty="0">
                <a:solidFill>
                  <a:schemeClr val="tx2"/>
                </a:solidFill>
              </a:rPr>
              <a:t>Kinderen geboren in 2021 of vroeger en nog niet ingeschreven in een school?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nl-BE" sz="2000" b="1" dirty="0">
                <a:solidFill>
                  <a:schemeClr val="tx2"/>
                </a:solidFill>
              </a:rPr>
              <a:t>Eerst aanmelden – daarna inschrijven</a:t>
            </a:r>
          </a:p>
          <a:p>
            <a:pPr marL="0" indent="0">
              <a:buNone/>
            </a:pPr>
            <a:endParaRPr lang="nl-BE" sz="2000" b="1" dirty="0">
              <a:solidFill>
                <a:schemeClr val="tx2"/>
              </a:solidFill>
            </a:endParaRPr>
          </a:p>
          <a:p>
            <a:pPr marL="0" indent="0">
              <a:buNone/>
            </a:pPr>
            <a:r>
              <a:rPr lang="nl-BE" sz="2000" b="1" dirty="0">
                <a:solidFill>
                  <a:schemeClr val="tx2"/>
                </a:solidFill>
              </a:rPr>
              <a:t>Kinderen die willen veranderen van school voor het schooljaar 2024-2025 ?</a:t>
            </a:r>
          </a:p>
          <a:p>
            <a:pPr marL="0" indent="0">
              <a:buNone/>
            </a:pPr>
            <a:r>
              <a:rPr lang="nl-BE" sz="2000" b="1" dirty="0">
                <a:solidFill>
                  <a:schemeClr val="tx2"/>
                </a:solidFill>
              </a:rPr>
              <a:t>Ook deze kinderen melden aan.</a:t>
            </a:r>
          </a:p>
        </p:txBody>
      </p:sp>
    </p:spTree>
    <p:extLst>
      <p:ext uri="{BB962C8B-B14F-4D97-AF65-F5344CB8AC3E}">
        <p14:creationId xmlns:p14="http://schemas.microsoft.com/office/powerpoint/2010/main" val="82977417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74C029B-6F24-4FCB-8813-A70513463F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06443"/>
          </a:xfrm>
        </p:spPr>
        <p:txBody>
          <a:bodyPr>
            <a:normAutofit/>
          </a:bodyPr>
          <a:lstStyle/>
          <a:p>
            <a:r>
              <a:rPr lang="nl-BE" sz="4000" dirty="0"/>
              <a:t>Wat heb je nodig om aan te melden ?</a:t>
            </a:r>
          </a:p>
        </p:txBody>
      </p:sp>
      <p:pic>
        <p:nvPicPr>
          <p:cNvPr id="7" name="Tijdelijke aanduiding voor inhoud 6">
            <a:extLst>
              <a:ext uri="{FF2B5EF4-FFF2-40B4-BE49-F238E27FC236}">
                <a16:creationId xmlns:a16="http://schemas.microsoft.com/office/drawing/2014/main" id="{88617EE7-2E4B-4052-BC6B-65F826ED65C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517144" y="2410060"/>
            <a:ext cx="2700762" cy="1682642"/>
          </a:xfrm>
          <a:prstGeom prst="rect">
            <a:avLst/>
          </a:prstGeom>
        </p:spPr>
      </p:pic>
      <p:pic>
        <p:nvPicPr>
          <p:cNvPr id="4" name="Picture 2" descr="Afbeelding op de voorzijde van het elektronisch identiteitsdocument voor kinderen de &quot;Kids-ID&quot;">
            <a:extLst>
              <a:ext uri="{FF2B5EF4-FFF2-40B4-BE49-F238E27FC236}">
                <a16:creationId xmlns:a16="http://schemas.microsoft.com/office/drawing/2014/main" id="{D202FDBD-8364-41FE-AA36-0952B8C388C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904" r="1" b="1"/>
          <a:stretch/>
        </p:blipFill>
        <p:spPr bwMode="auto">
          <a:xfrm>
            <a:off x="1120450" y="2243933"/>
            <a:ext cx="2942741" cy="2014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Afbeelding 5">
            <a:extLst>
              <a:ext uri="{FF2B5EF4-FFF2-40B4-BE49-F238E27FC236}">
                <a16:creationId xmlns:a16="http://schemas.microsoft.com/office/drawing/2014/main" id="{A7128667-780B-4828-A3ED-63542879007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30353" y="4997322"/>
            <a:ext cx="3737172" cy="1225402"/>
          </a:xfrm>
          <a:prstGeom prst="rect">
            <a:avLst/>
          </a:prstGeom>
        </p:spPr>
      </p:pic>
      <p:sp>
        <p:nvSpPr>
          <p:cNvPr id="3" name="Pijl: rechts 2">
            <a:extLst>
              <a:ext uri="{FF2B5EF4-FFF2-40B4-BE49-F238E27FC236}">
                <a16:creationId xmlns:a16="http://schemas.microsoft.com/office/drawing/2014/main" id="{6FB1B897-BE88-45E8-BC36-8BE19C51AA17}"/>
              </a:ext>
            </a:extLst>
          </p:cNvPr>
          <p:cNvSpPr/>
          <p:nvPr/>
        </p:nvSpPr>
        <p:spPr>
          <a:xfrm>
            <a:off x="8217906" y="1671568"/>
            <a:ext cx="3438475" cy="57236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BE" dirty="0"/>
              <a:t>Rijksregisternummer</a:t>
            </a:r>
          </a:p>
        </p:txBody>
      </p:sp>
    </p:spTree>
    <p:extLst>
      <p:ext uri="{BB962C8B-B14F-4D97-AF65-F5344CB8AC3E}">
        <p14:creationId xmlns:p14="http://schemas.microsoft.com/office/powerpoint/2010/main" val="207034551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03B4C69-FC5F-4E7D-89A3-5CAFBCF036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4128" y="585216"/>
            <a:ext cx="3614547" cy="1499616"/>
          </a:xfrm>
        </p:spPr>
        <p:txBody>
          <a:bodyPr>
            <a:normAutofit/>
          </a:bodyPr>
          <a:lstStyle/>
          <a:p>
            <a:r>
              <a:rPr lang="nl-BE" sz="2000" dirty="0"/>
              <a:t>Aanmelden op </a:t>
            </a:r>
            <a:r>
              <a:rPr lang="nl-BE" sz="2000" cap="none" dirty="0">
                <a:hlinkClick r:id="rId2"/>
              </a:rPr>
              <a:t>www.naarschoolindendermonde.be</a:t>
            </a:r>
            <a:r>
              <a:rPr lang="nl-BE" sz="2000" cap="none" dirty="0"/>
              <a:t> 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7899742F-3A39-DE11-725C-1B3402751F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4128" y="2286000"/>
            <a:ext cx="3133580" cy="3931920"/>
          </a:xfrm>
        </p:spPr>
        <p:txBody>
          <a:bodyPr>
            <a:normAutofit/>
          </a:bodyPr>
          <a:lstStyle/>
          <a:p>
            <a:endParaRPr lang="en-US" sz="1600" dirty="0"/>
          </a:p>
        </p:txBody>
      </p:sp>
      <p:pic>
        <p:nvPicPr>
          <p:cNvPr id="4" name="Afbeelding 3">
            <a:extLst>
              <a:ext uri="{FF2B5EF4-FFF2-40B4-BE49-F238E27FC236}">
                <a16:creationId xmlns:a16="http://schemas.microsoft.com/office/drawing/2014/main" id="{C6F3E8FE-ACC5-3D07-4313-149F05A507D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38675" y="88776"/>
            <a:ext cx="6336038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316842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" name="Straight Connector 11">
            <a:extLst>
              <a:ext uri="{FF2B5EF4-FFF2-40B4-BE49-F238E27FC236}">
                <a16:creationId xmlns:a16="http://schemas.microsoft.com/office/drawing/2014/main" id="{48E8B0AF-9ADD-4E28-9678-3D0175BFF7E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 13">
            <a:extLst>
              <a:ext uri="{FF2B5EF4-FFF2-40B4-BE49-F238E27FC236}">
                <a16:creationId xmlns:a16="http://schemas.microsoft.com/office/drawing/2014/main" id="{66119D18-A047-4B7E-A5F3-3921967F11A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897745" y="484632"/>
            <a:ext cx="7794722" cy="351194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675139C5-EE89-44F1-B2A7-A78CFCE663B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897745" y="4150595"/>
            <a:ext cx="7794722" cy="2219669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25FBDFBB-4A38-4DCF-84CC-FF3D61E446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84903" y="4391025"/>
            <a:ext cx="6685507" cy="1738808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5000"/>
              <a:t>Even voorstellen</a:t>
            </a:r>
          </a:p>
        </p:txBody>
      </p:sp>
      <p:pic>
        <p:nvPicPr>
          <p:cNvPr id="3" name="Afbeelding 2">
            <a:extLst>
              <a:ext uri="{FF2B5EF4-FFF2-40B4-BE49-F238E27FC236}">
                <a16:creationId xmlns:a16="http://schemas.microsoft.com/office/drawing/2014/main" id="{55E8A4AF-940D-46D2-92EA-14A137379F2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4632" y="675542"/>
            <a:ext cx="3248521" cy="3126701"/>
          </a:xfrm>
          <a:prstGeom prst="rect">
            <a:avLst/>
          </a:prstGeom>
        </p:spPr>
      </p:pic>
      <p:sp>
        <p:nvSpPr>
          <p:cNvPr id="17" name="Tijdelijke aanduiding voor inhoud 4">
            <a:extLst>
              <a:ext uri="{FF2B5EF4-FFF2-40B4-BE49-F238E27FC236}">
                <a16:creationId xmlns:a16="http://schemas.microsoft.com/office/drawing/2014/main" id="{8D4F3AD7-1C2D-48B4-BE26-AFF358D128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219802" y="804998"/>
            <a:ext cx="7150608" cy="2871216"/>
          </a:xfrm>
        </p:spPr>
        <p:txBody>
          <a:bodyPr vert="horz" lIns="45720" tIns="45720" rIns="45720" bIns="45720" rtlCol="0">
            <a:normAutofit lnSpcReduction="10000"/>
          </a:bodyPr>
          <a:lstStyle/>
          <a:p>
            <a:pPr marL="0"/>
            <a:r>
              <a:rPr lang="en-US" sz="1800" dirty="0" err="1">
                <a:solidFill>
                  <a:srgbClr val="FFFFFF"/>
                </a:solidFill>
              </a:rPr>
              <a:t>Ministerie</a:t>
            </a:r>
            <a:r>
              <a:rPr lang="en-US" sz="1800" dirty="0">
                <a:solidFill>
                  <a:srgbClr val="FFFFFF"/>
                </a:solidFill>
              </a:rPr>
              <a:t> van Onderwijs &amp; </a:t>
            </a:r>
            <a:r>
              <a:rPr lang="en-US" sz="1800" dirty="0" err="1">
                <a:solidFill>
                  <a:srgbClr val="FFFFFF"/>
                </a:solidFill>
              </a:rPr>
              <a:t>Vorming</a:t>
            </a:r>
            <a:endParaRPr lang="en-US" sz="1800" dirty="0">
              <a:solidFill>
                <a:srgbClr val="FFFFFF"/>
              </a:solidFill>
            </a:endParaRPr>
          </a:p>
          <a:p>
            <a:pPr marL="0"/>
            <a:r>
              <a:rPr lang="en-US" sz="1800" dirty="0" err="1">
                <a:solidFill>
                  <a:srgbClr val="FFFFFF"/>
                </a:solidFill>
              </a:rPr>
              <a:t>Agentschap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voor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onderwijsdiensten</a:t>
            </a:r>
            <a:r>
              <a:rPr lang="en-US" sz="1800" dirty="0">
                <a:solidFill>
                  <a:srgbClr val="FFFFFF"/>
                </a:solidFill>
              </a:rPr>
              <a:t> (AGODI)</a:t>
            </a:r>
          </a:p>
          <a:p>
            <a:pPr marL="0"/>
            <a:r>
              <a:rPr lang="en-US" sz="1800" dirty="0">
                <a:solidFill>
                  <a:srgbClr val="FFFFFF"/>
                </a:solidFill>
              </a:rPr>
              <a:t>2002 - </a:t>
            </a:r>
            <a:r>
              <a:rPr lang="en-US" sz="1800" dirty="0" err="1">
                <a:solidFill>
                  <a:srgbClr val="FFFFFF"/>
                </a:solidFill>
              </a:rPr>
              <a:t>Initiatiefnemer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opstart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br>
              <a:rPr lang="en-US" sz="1800" dirty="0">
                <a:solidFill>
                  <a:srgbClr val="FFFFFF"/>
                </a:solidFill>
              </a:rPr>
            </a:br>
            <a:r>
              <a:rPr lang="en-US" sz="1800" dirty="0" err="1">
                <a:solidFill>
                  <a:srgbClr val="FFFFFF"/>
                </a:solidFill>
              </a:rPr>
              <a:t>Lokale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Overleg</a:t>
            </a:r>
            <a:r>
              <a:rPr lang="en-US" sz="1800" dirty="0">
                <a:solidFill>
                  <a:srgbClr val="FFFFFF"/>
                </a:solidFill>
              </a:rPr>
              <a:t> Platforms </a:t>
            </a:r>
            <a:r>
              <a:rPr lang="en-US" sz="1800" dirty="0" err="1">
                <a:solidFill>
                  <a:srgbClr val="FFFFFF"/>
                </a:solidFill>
              </a:rPr>
              <a:t>voor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gelijke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onderwijskansen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br>
              <a:rPr lang="en-US" sz="1800" dirty="0">
                <a:solidFill>
                  <a:srgbClr val="FFFFFF"/>
                </a:solidFill>
              </a:rPr>
            </a:br>
            <a:br>
              <a:rPr lang="en-US" sz="1800" dirty="0">
                <a:solidFill>
                  <a:srgbClr val="FFFFFF"/>
                </a:solidFill>
              </a:rPr>
            </a:br>
            <a:br>
              <a:rPr lang="en-US" sz="1800" dirty="0">
                <a:solidFill>
                  <a:srgbClr val="FFFFFF"/>
                </a:solidFill>
              </a:rPr>
            </a:br>
            <a:r>
              <a:rPr lang="en-US" sz="1800" dirty="0">
                <a:solidFill>
                  <a:srgbClr val="FFFFFF"/>
                </a:solidFill>
              </a:rPr>
              <a:t>LOP </a:t>
            </a:r>
            <a:r>
              <a:rPr lang="en-US" sz="1800" dirty="0" err="1">
                <a:solidFill>
                  <a:srgbClr val="FFFFFF"/>
                </a:solidFill>
              </a:rPr>
              <a:t>Dendermonde</a:t>
            </a:r>
            <a:r>
              <a:rPr lang="en-US" sz="1800" dirty="0">
                <a:solidFill>
                  <a:srgbClr val="FFFFFF"/>
                </a:solidFill>
              </a:rPr>
              <a:t> basis</a:t>
            </a:r>
          </a:p>
          <a:p>
            <a:pPr marL="0"/>
            <a:r>
              <a:rPr lang="en-US" sz="1800" dirty="0">
                <a:solidFill>
                  <a:srgbClr val="FFFFFF"/>
                </a:solidFill>
              </a:rPr>
              <a:t>Voorzitter : Jo De Bock</a:t>
            </a:r>
          </a:p>
          <a:p>
            <a:pPr marL="0"/>
            <a:r>
              <a:rPr lang="en-US" sz="1800" dirty="0">
                <a:solidFill>
                  <a:srgbClr val="FFFFFF"/>
                </a:solidFill>
              </a:rPr>
              <a:t>LOP </a:t>
            </a:r>
            <a:r>
              <a:rPr lang="en-US" sz="1800" dirty="0" err="1">
                <a:solidFill>
                  <a:srgbClr val="FFFFFF"/>
                </a:solidFill>
              </a:rPr>
              <a:t>Deskundige</a:t>
            </a:r>
            <a:r>
              <a:rPr lang="en-US" sz="1800" dirty="0">
                <a:solidFill>
                  <a:srgbClr val="FFFFFF"/>
                </a:solidFill>
              </a:rPr>
              <a:t> : Liesbeth Croene</a:t>
            </a:r>
          </a:p>
          <a:p>
            <a:endParaRPr lang="en-US" sz="1500" dirty="0">
              <a:solidFill>
                <a:srgbClr val="FFFFFF"/>
              </a:solidFill>
            </a:endParaRPr>
          </a:p>
          <a:p>
            <a:endParaRPr lang="en-US" sz="1500" dirty="0">
              <a:solidFill>
                <a:srgbClr val="FFFFFF"/>
              </a:solidFill>
            </a:endParaRPr>
          </a:p>
          <a:p>
            <a:endParaRPr lang="en-US" sz="1500" dirty="0">
              <a:solidFill>
                <a:srgbClr val="FFFFFF"/>
              </a:solidFill>
            </a:endParaRPr>
          </a:p>
          <a:p>
            <a:endParaRPr lang="en-US" sz="1500" dirty="0">
              <a:solidFill>
                <a:srgbClr val="FFFFFF"/>
              </a:solidFill>
            </a:endParaRPr>
          </a:p>
        </p:txBody>
      </p:sp>
      <p:pic>
        <p:nvPicPr>
          <p:cNvPr id="7" name="Afbeelding 6" descr="Afbeelding met object&#10;&#10;Beschrijving is gegenereerd met hoge betrouwbaarheid">
            <a:extLst>
              <a:ext uri="{FF2B5EF4-FFF2-40B4-BE49-F238E27FC236}">
                <a16:creationId xmlns:a16="http://schemas.microsoft.com/office/drawing/2014/main" id="{509ED438-4B80-4D9F-9B56-0B9849ABBDC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4632" y="4637099"/>
            <a:ext cx="3248521" cy="1258801"/>
          </a:xfrm>
          <a:prstGeom prst="rect">
            <a:avLst/>
          </a:prstGeom>
        </p:spPr>
      </p:pic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88CCDAAC-54D1-4BE4-82B0-49768618299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4422775" y="4803229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6083625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58D3741-4ACF-4DA5-ABD5-0C432115CDF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>
            <a:extLst>
              <a:ext uri="{FF2B5EF4-FFF2-40B4-BE49-F238E27FC236}">
                <a16:creationId xmlns:a16="http://schemas.microsoft.com/office/drawing/2014/main" id="{A5ABED16-D1EE-40E2-9777-113635C661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546854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D30D28D-7DC9-44E1-87D3-9A164D9AEE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4129" y="585216"/>
            <a:ext cx="3779085" cy="1499616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4300" dirty="0">
                <a:solidFill>
                  <a:srgbClr val="FFFFFF"/>
                </a:solidFill>
              </a:rPr>
              <a:t>Hoe Aanmelden ?</a:t>
            </a:r>
            <a:br>
              <a:rPr lang="en-US" sz="4300" dirty="0">
                <a:solidFill>
                  <a:srgbClr val="FFFFFF"/>
                </a:solidFill>
              </a:rPr>
            </a:br>
            <a:r>
              <a:rPr lang="en-US" sz="4300" dirty="0">
                <a:solidFill>
                  <a:srgbClr val="FFFFFF"/>
                </a:solidFill>
              </a:rPr>
              <a:t>Wat </a:t>
            </a:r>
            <a:r>
              <a:rPr lang="en-US" sz="4300" dirty="0" err="1">
                <a:solidFill>
                  <a:srgbClr val="FFFFFF"/>
                </a:solidFill>
              </a:rPr>
              <a:t>heb</a:t>
            </a:r>
            <a:r>
              <a:rPr lang="en-US" sz="4300" dirty="0">
                <a:solidFill>
                  <a:srgbClr val="FFFFFF"/>
                </a:solidFill>
              </a:rPr>
              <a:t> je </a:t>
            </a:r>
            <a:r>
              <a:rPr lang="en-US" sz="4300" dirty="0" err="1">
                <a:solidFill>
                  <a:srgbClr val="FFFFFF"/>
                </a:solidFill>
              </a:rPr>
              <a:t>nodig</a:t>
            </a:r>
            <a:r>
              <a:rPr lang="en-US" sz="4300" dirty="0">
                <a:solidFill>
                  <a:srgbClr val="FFFFFF"/>
                </a:solidFill>
              </a:rPr>
              <a:t> ?</a:t>
            </a:r>
          </a:p>
        </p:txBody>
      </p: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E87F9170-35BA-4F92-B3B1-9E50BBCE2C6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>
                <a:lumMod val="20000"/>
                <a:lumOff val="8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ijdelijke aanduiding voor tekst 5">
            <a:extLst>
              <a:ext uri="{FF2B5EF4-FFF2-40B4-BE49-F238E27FC236}">
                <a16:creationId xmlns:a16="http://schemas.microsoft.com/office/drawing/2014/main" id="{88E4597E-0B01-4136-A3F9-5C9A82C99F4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1024129" y="2286000"/>
            <a:ext cx="3791711" cy="3931920"/>
          </a:xfrm>
        </p:spPr>
        <p:txBody>
          <a:bodyPr vert="horz" lIns="45720" tIns="45720" rIns="45720" bIns="45720" rtlCol="0">
            <a:normAutofit/>
          </a:bodyPr>
          <a:lstStyle/>
          <a:p>
            <a:pPr>
              <a:lnSpc>
                <a:spcPct val="90000"/>
              </a:lnSpc>
            </a:pPr>
            <a:r>
              <a:rPr lang="en-US" dirty="0" err="1">
                <a:solidFill>
                  <a:srgbClr val="FFFFFF"/>
                </a:solidFill>
              </a:rPr>
              <a:t>Gegevens</a:t>
            </a:r>
            <a:r>
              <a:rPr lang="en-US" dirty="0">
                <a:solidFill>
                  <a:srgbClr val="FFFFFF"/>
                </a:solidFill>
              </a:rPr>
              <a:t> van je kind : </a:t>
            </a:r>
          </a:p>
          <a:p>
            <a:pPr>
              <a:lnSpc>
                <a:spcPct val="90000"/>
              </a:lnSpc>
            </a:pPr>
            <a:endParaRPr lang="en-US" dirty="0">
              <a:solidFill>
                <a:srgbClr val="FFFFFF"/>
              </a:solidFill>
            </a:endParaRPr>
          </a:p>
          <a:p>
            <a:pPr>
              <a:lnSpc>
                <a:spcPct val="90000"/>
              </a:lnSpc>
            </a:pPr>
            <a:r>
              <a:rPr lang="en-US" dirty="0" err="1">
                <a:solidFill>
                  <a:srgbClr val="FFFFFF"/>
                </a:solidFill>
              </a:rPr>
              <a:t>Rijksregisternummer</a:t>
            </a:r>
            <a:endParaRPr lang="en-US" dirty="0">
              <a:solidFill>
                <a:srgbClr val="FFFFFF"/>
              </a:solidFill>
            </a:endParaRPr>
          </a:p>
          <a:p>
            <a:pPr>
              <a:lnSpc>
                <a:spcPct val="90000"/>
              </a:lnSpc>
            </a:pPr>
            <a:endParaRPr lang="en-US" dirty="0">
              <a:solidFill>
                <a:srgbClr val="FFFFFF"/>
              </a:solidFill>
            </a:endParaRPr>
          </a:p>
          <a:p>
            <a:pPr>
              <a:lnSpc>
                <a:spcPct val="90000"/>
              </a:lnSpc>
            </a:pPr>
            <a:r>
              <a:rPr lang="en-US" dirty="0" err="1">
                <a:solidFill>
                  <a:srgbClr val="FFFFFF"/>
                </a:solidFill>
              </a:rPr>
              <a:t>Domicilieadres</a:t>
            </a:r>
            <a:endParaRPr lang="en-US" dirty="0">
              <a:solidFill>
                <a:srgbClr val="FFFFFF"/>
              </a:solidFill>
            </a:endParaRPr>
          </a:p>
          <a:p>
            <a:pPr>
              <a:lnSpc>
                <a:spcPct val="90000"/>
              </a:lnSpc>
            </a:pPr>
            <a:endParaRPr lang="en-US" dirty="0">
              <a:solidFill>
                <a:srgbClr val="FFFFFF"/>
              </a:solidFill>
            </a:endParaRPr>
          </a:p>
          <a:p>
            <a:pPr>
              <a:lnSpc>
                <a:spcPct val="90000"/>
              </a:lnSpc>
            </a:pPr>
            <a:endParaRPr lang="en-US" dirty="0">
              <a:solidFill>
                <a:srgbClr val="FFFFFF"/>
              </a:solidFill>
            </a:endParaRPr>
          </a:p>
        </p:txBody>
      </p:sp>
      <p:pic>
        <p:nvPicPr>
          <p:cNvPr id="8" name="Tijdelijke aanduiding voor inhoud 7">
            <a:extLst>
              <a:ext uri="{FF2B5EF4-FFF2-40B4-BE49-F238E27FC236}">
                <a16:creationId xmlns:a16="http://schemas.microsoft.com/office/drawing/2014/main" id="{580959A7-E321-45C3-A399-6E914F9C550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r="59162" b="-1"/>
          <a:stretch/>
        </p:blipFill>
        <p:spPr>
          <a:xfrm>
            <a:off x="6096000" y="640080"/>
            <a:ext cx="5455921" cy="5577840"/>
          </a:xfrm>
          <a:prstGeom prst="rect">
            <a:avLst/>
          </a:prstGeom>
        </p:spPr>
      </p:pic>
      <p:sp>
        <p:nvSpPr>
          <p:cNvPr id="2" name="Tekstvak 1">
            <a:extLst>
              <a:ext uri="{FF2B5EF4-FFF2-40B4-BE49-F238E27FC236}">
                <a16:creationId xmlns:a16="http://schemas.microsoft.com/office/drawing/2014/main" id="{CA9222FF-45C3-4077-94FE-08CFC2708D9D}"/>
              </a:ext>
            </a:extLst>
          </p:cNvPr>
          <p:cNvSpPr txBox="1"/>
          <p:nvPr/>
        </p:nvSpPr>
        <p:spPr>
          <a:xfrm>
            <a:off x="409575" y="4343626"/>
            <a:ext cx="451485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BE" dirty="0"/>
              <a:t>Digitaal invulformulier op website </a:t>
            </a:r>
            <a:r>
              <a:rPr lang="nl-BE" dirty="0">
                <a:hlinkClick r:id="rId3"/>
              </a:rPr>
              <a:t>www.naarschoolindendermonde.be</a:t>
            </a:r>
            <a:r>
              <a:rPr lang="nl-BE" dirty="0"/>
              <a:t> </a:t>
            </a:r>
          </a:p>
        </p:txBody>
      </p:sp>
      <p:sp>
        <p:nvSpPr>
          <p:cNvPr id="3" name="Tekstvak 2">
            <a:extLst>
              <a:ext uri="{FF2B5EF4-FFF2-40B4-BE49-F238E27FC236}">
                <a16:creationId xmlns:a16="http://schemas.microsoft.com/office/drawing/2014/main" id="{88AAF476-F8AF-4F19-88C5-CA9C57660AA7}"/>
              </a:ext>
            </a:extLst>
          </p:cNvPr>
          <p:cNvSpPr txBox="1"/>
          <p:nvPr/>
        </p:nvSpPr>
        <p:spPr>
          <a:xfrm>
            <a:off x="1247775" y="5648325"/>
            <a:ext cx="355543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BE" dirty="0"/>
              <a:t>Tip !  Bekijk het filmpje.</a:t>
            </a:r>
          </a:p>
        </p:txBody>
      </p:sp>
      <p:sp>
        <p:nvSpPr>
          <p:cNvPr id="5" name="Tekstvak 4">
            <a:extLst>
              <a:ext uri="{FF2B5EF4-FFF2-40B4-BE49-F238E27FC236}">
                <a16:creationId xmlns:a16="http://schemas.microsoft.com/office/drawing/2014/main" id="{6AE449F3-C89B-4566-9278-0DED38E65C77}"/>
              </a:ext>
            </a:extLst>
          </p:cNvPr>
          <p:cNvSpPr txBox="1"/>
          <p:nvPr/>
        </p:nvSpPr>
        <p:spPr>
          <a:xfrm>
            <a:off x="10093911" y="319596"/>
            <a:ext cx="18465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BE" dirty="0">
                <a:solidFill>
                  <a:srgbClr val="00B050"/>
                </a:solidFill>
              </a:rPr>
              <a:t>Basisonderwijs</a:t>
            </a:r>
          </a:p>
        </p:txBody>
      </p:sp>
    </p:spTree>
    <p:extLst>
      <p:ext uri="{BB962C8B-B14F-4D97-AF65-F5344CB8AC3E}">
        <p14:creationId xmlns:p14="http://schemas.microsoft.com/office/powerpoint/2010/main" val="52372013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">
            <a:extLst>
              <a:ext uri="{FF2B5EF4-FFF2-40B4-BE49-F238E27FC236}">
                <a16:creationId xmlns:a16="http://schemas.microsoft.com/office/drawing/2014/main" id="{88F99248-8513-D7BF-5610-849703A8DA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solidFill>
                  <a:schemeClr val="accent2"/>
                </a:solidFill>
              </a:rPr>
              <a:t>DIGITAAL INVULFORMULIER</a:t>
            </a:r>
            <a:endParaRPr lang="en-US" dirty="0">
              <a:solidFill>
                <a:schemeClr val="accent2"/>
              </a:solidFill>
            </a:endParaRP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B69131D0-8016-DE8E-C3CE-DB3FAA2F160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solidFill>
            <a:schemeClr val="accent2">
              <a:lumMod val="60000"/>
              <a:lumOff val="40000"/>
            </a:schemeClr>
          </a:solidFill>
        </p:spPr>
        <p:txBody>
          <a:bodyPr/>
          <a:lstStyle/>
          <a:p>
            <a:r>
              <a:rPr lang="en-US" sz="2400" dirty="0" err="1">
                <a:solidFill>
                  <a:schemeClr val="bg1"/>
                </a:solidFill>
              </a:rPr>
              <a:t>Voeg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schoolkeuzes</a:t>
            </a:r>
            <a:r>
              <a:rPr lang="en-US" sz="2400" dirty="0">
                <a:solidFill>
                  <a:schemeClr val="bg1"/>
                </a:solidFill>
              </a:rPr>
              <a:t> toe in </a:t>
            </a:r>
            <a:r>
              <a:rPr lang="en-US" sz="2400" dirty="0" err="1">
                <a:solidFill>
                  <a:schemeClr val="bg1"/>
                </a:solidFill>
              </a:rPr>
              <a:t>jouw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gekozen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volgorde</a:t>
            </a:r>
            <a:r>
              <a:rPr lang="en-US" sz="2400" dirty="0">
                <a:solidFill>
                  <a:schemeClr val="bg1"/>
                </a:solidFill>
              </a:rPr>
              <a:t>.</a:t>
            </a:r>
          </a:p>
          <a:p>
            <a:endParaRPr lang="en-US" sz="2400" dirty="0">
              <a:solidFill>
                <a:schemeClr val="bg1"/>
              </a:solidFill>
            </a:endParaRPr>
          </a:p>
          <a:p>
            <a:r>
              <a:rPr lang="en-US" dirty="0">
                <a:solidFill>
                  <a:srgbClr val="FFFF00"/>
                </a:solidFill>
              </a:rPr>
              <a:t>Tip ! </a:t>
            </a:r>
            <a:r>
              <a:rPr lang="en-US" dirty="0" err="1">
                <a:solidFill>
                  <a:srgbClr val="FFFF00"/>
                </a:solidFill>
              </a:rPr>
              <a:t>Vul</a:t>
            </a:r>
            <a:r>
              <a:rPr lang="en-US" dirty="0">
                <a:solidFill>
                  <a:srgbClr val="FFFF00"/>
                </a:solidFill>
              </a:rPr>
              <a:t> minimum 2 </a:t>
            </a:r>
            <a:r>
              <a:rPr lang="en-US" dirty="0" err="1">
                <a:solidFill>
                  <a:srgbClr val="FFFF00"/>
                </a:solidFill>
              </a:rPr>
              <a:t>schoolkeuzes</a:t>
            </a:r>
            <a:r>
              <a:rPr lang="en-US" dirty="0">
                <a:solidFill>
                  <a:srgbClr val="FFFF00"/>
                </a:solidFill>
              </a:rPr>
              <a:t> in.</a:t>
            </a:r>
          </a:p>
          <a:p>
            <a:endParaRPr lang="en-US" dirty="0">
              <a:solidFill>
                <a:schemeClr val="bg1"/>
              </a:solidFill>
            </a:endParaRPr>
          </a:p>
          <a:p>
            <a:r>
              <a:rPr lang="en-US" sz="2400" dirty="0">
                <a:solidFill>
                  <a:schemeClr val="bg1"/>
                </a:solidFill>
              </a:rPr>
              <a:t>Het </a:t>
            </a:r>
            <a:r>
              <a:rPr lang="en-US" sz="2400" dirty="0" err="1">
                <a:solidFill>
                  <a:schemeClr val="bg1"/>
                </a:solidFill>
              </a:rPr>
              <a:t>aanmeldsysteem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kan</a:t>
            </a:r>
            <a:r>
              <a:rPr lang="en-US" sz="2400" dirty="0">
                <a:solidFill>
                  <a:schemeClr val="bg1"/>
                </a:solidFill>
              </a:rPr>
              <a:t>  </a:t>
            </a:r>
            <a:r>
              <a:rPr lang="en-US" sz="2400" dirty="0" err="1">
                <a:solidFill>
                  <a:schemeClr val="bg1"/>
                </a:solidFill>
              </a:rPr>
              <a:t>jou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een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alternatieve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voorkeurschool</a:t>
            </a:r>
            <a:r>
              <a:rPr lang="en-US" sz="2400" dirty="0">
                <a:solidFill>
                  <a:schemeClr val="bg1"/>
                </a:solidFill>
              </a:rPr>
              <a:t> </a:t>
            </a:r>
            <a:r>
              <a:rPr lang="en-US" sz="2400" dirty="0" err="1">
                <a:solidFill>
                  <a:schemeClr val="bg1"/>
                </a:solidFill>
              </a:rPr>
              <a:t>voorstellen</a:t>
            </a:r>
            <a:r>
              <a:rPr lang="en-US" sz="2400" dirty="0">
                <a:solidFill>
                  <a:schemeClr val="bg1"/>
                </a:solidFill>
              </a:rPr>
              <a:t>.</a:t>
            </a:r>
          </a:p>
        </p:txBody>
      </p:sp>
      <p:pic>
        <p:nvPicPr>
          <p:cNvPr id="6" name="Afbeelding 5">
            <a:extLst>
              <a:ext uri="{FF2B5EF4-FFF2-40B4-BE49-F238E27FC236}">
                <a16:creationId xmlns:a16="http://schemas.microsoft.com/office/drawing/2014/main" id="{D6F7EAA5-C4E8-4B6A-B684-949C659B150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73335" y="990600"/>
            <a:ext cx="5388730" cy="487680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53557478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9C0365A3-9839-4FC6-BFF6-7115C711FD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4648199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43468" y="643467"/>
            <a:ext cx="3415612" cy="5571066"/>
          </a:xfrm>
        </p:spPr>
        <p:txBody>
          <a:bodyPr>
            <a:normAutofit/>
          </a:bodyPr>
          <a:lstStyle/>
          <a:p>
            <a:r>
              <a:rPr lang="nl-BE">
                <a:solidFill>
                  <a:srgbClr val="FFFFFF"/>
                </a:solidFill>
              </a:rPr>
              <a:t>Bepaling van capaciteit en vrije plaatsen</a:t>
            </a:r>
          </a:p>
        </p:txBody>
      </p:sp>
      <p:graphicFrame>
        <p:nvGraphicFramePr>
          <p:cNvPr id="12" name="Tijdelijke aanduiding voor inhoud 2">
            <a:extLst>
              <a:ext uri="{FF2B5EF4-FFF2-40B4-BE49-F238E27FC236}">
                <a16:creationId xmlns:a16="http://schemas.microsoft.com/office/drawing/2014/main" id="{3C892AAD-2A3D-4EFE-B632-809D33C9348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204901475"/>
              </p:ext>
            </p:extLst>
          </p:nvPr>
        </p:nvGraphicFramePr>
        <p:xfrm>
          <a:off x="5603875" y="954088"/>
          <a:ext cx="5641975" cy="49212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17555318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B73DEAEA-BFDB-410C-89E7-02514506C82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8386842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 13">
            <a:extLst>
              <a:ext uri="{FF2B5EF4-FFF2-40B4-BE49-F238E27FC236}">
                <a16:creationId xmlns:a16="http://schemas.microsoft.com/office/drawing/2014/main" id="{6EAAB671-E1B2-4834-B3F6-E0A2D3BE861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4572001"/>
          </a:xfrm>
          <a:prstGeom prst="rect">
            <a:avLst/>
          </a:prstGeom>
          <a:blipFill dpi="0" rotWithShape="1">
            <a:blip r:embed="rId2">
              <a:duotone>
                <a:schemeClr val="accent1">
                  <a:shade val="45000"/>
                  <a:satMod val="135000"/>
                </a:schemeClr>
                <a:prstClr val="white"/>
              </a:duotone>
            </a:blip>
            <a:srcRect/>
            <a:tile tx="-133350" ty="-6350" sx="50000" sy="50000" flip="none" algn="tl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09B43EBB-719F-4C01-AECE-1D876283B93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726" cy="685897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2A87437-A83A-4729-9D74-93364563CB51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636805" y="640080"/>
            <a:ext cx="3378099" cy="3034857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r"/>
            <a:br>
              <a:rPr lang="en-US" sz="2800" spc="200">
                <a:hlinkClick r:id="rId3"/>
              </a:rPr>
            </a:br>
            <a:r>
              <a:rPr lang="en-US" sz="2800" spc="200">
                <a:hlinkClick r:id="rId4"/>
              </a:rPr>
              <a:t>https://bao.naarschoolindendermonde.be/vrije-plaatsen-schooljaar-volgend-schooljaar/</a:t>
            </a:r>
            <a:r>
              <a:rPr lang="en-US" sz="2800" spc="200"/>
              <a:t> </a:t>
            </a:r>
            <a:br>
              <a:rPr lang="en-US" sz="2800" spc="200"/>
            </a:br>
            <a:br>
              <a:rPr lang="en-US" sz="2800" spc="200"/>
            </a:br>
            <a:endParaRPr lang="en-US" sz="2800" spc="200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55B70B32-BD93-4B4F-B210-8956E300D24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700698" y="3765314"/>
            <a:ext cx="3200400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Afbeelding 6">
            <a:extLst>
              <a:ext uri="{FF2B5EF4-FFF2-40B4-BE49-F238E27FC236}">
                <a16:creationId xmlns:a16="http://schemas.microsoft.com/office/drawing/2014/main" id="{69CC6C5E-7C72-B112-C86D-34B79E239B6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627852" y="640080"/>
            <a:ext cx="5863449" cy="55788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533159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1">
            <a:extLst>
              <a:ext uri="{FF2B5EF4-FFF2-40B4-BE49-F238E27FC236}">
                <a16:creationId xmlns:a16="http://schemas.microsoft.com/office/drawing/2014/main" id="{9C0365A3-9839-4FC6-BFF6-7115C711FD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4648199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1B3BD44E-A67D-4CA2-A7A9-1B99571D3F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3468" y="643467"/>
            <a:ext cx="3415612" cy="5571066"/>
          </a:xfrm>
        </p:spPr>
        <p:txBody>
          <a:bodyPr>
            <a:normAutofit/>
          </a:bodyPr>
          <a:lstStyle/>
          <a:p>
            <a:r>
              <a:rPr lang="nl-BE">
                <a:solidFill>
                  <a:srgbClr val="FFFFFF"/>
                </a:solidFill>
              </a:rPr>
              <a:t>Toewijzen naar een basisschool</a:t>
            </a:r>
          </a:p>
        </p:txBody>
      </p:sp>
      <p:graphicFrame>
        <p:nvGraphicFramePr>
          <p:cNvPr id="7" name="Tijdelijke aanduiding voor inhoud 4">
            <a:extLst>
              <a:ext uri="{FF2B5EF4-FFF2-40B4-BE49-F238E27FC236}">
                <a16:creationId xmlns:a16="http://schemas.microsoft.com/office/drawing/2014/main" id="{F338C05B-47D6-42C6-B46A-1374285BDDF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726605982"/>
              </p:ext>
            </p:extLst>
          </p:nvPr>
        </p:nvGraphicFramePr>
        <p:xfrm>
          <a:off x="5603875" y="954088"/>
          <a:ext cx="5641975" cy="49212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95754416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Afbeelding 2">
            <a:extLst>
              <a:ext uri="{FF2B5EF4-FFF2-40B4-BE49-F238E27FC236}">
                <a16:creationId xmlns:a16="http://schemas.microsoft.com/office/drawing/2014/main" id="{C5D30546-61D4-C143-7E39-82369A02981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10013" y="643467"/>
            <a:ext cx="7631598" cy="5571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195555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9C0365A3-9839-4FC6-BFF6-7115C711FD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4648199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43468" y="643467"/>
            <a:ext cx="3415612" cy="5571066"/>
          </a:xfrm>
        </p:spPr>
        <p:txBody>
          <a:bodyPr>
            <a:normAutofit/>
          </a:bodyPr>
          <a:lstStyle/>
          <a:p>
            <a:r>
              <a:rPr lang="nl-BE" dirty="0">
                <a:solidFill>
                  <a:srgbClr val="FFFFFF"/>
                </a:solidFill>
              </a:rPr>
              <a:t>Aangemeld.  </a:t>
            </a:r>
            <a:br>
              <a:rPr lang="nl-BE" dirty="0">
                <a:solidFill>
                  <a:srgbClr val="FFFFFF"/>
                </a:solidFill>
              </a:rPr>
            </a:br>
            <a:br>
              <a:rPr lang="nl-BE" dirty="0">
                <a:solidFill>
                  <a:srgbClr val="FFFFFF"/>
                </a:solidFill>
              </a:rPr>
            </a:br>
            <a:r>
              <a:rPr lang="nl-BE" dirty="0">
                <a:solidFill>
                  <a:srgbClr val="FFFFFF"/>
                </a:solidFill>
              </a:rPr>
              <a:t>Welk resultaat ?</a:t>
            </a:r>
          </a:p>
        </p:txBody>
      </p:sp>
      <p:graphicFrame>
        <p:nvGraphicFramePr>
          <p:cNvPr id="5" name="Tijdelijke aanduiding voor inhoud 2">
            <a:extLst>
              <a:ext uri="{FF2B5EF4-FFF2-40B4-BE49-F238E27FC236}">
                <a16:creationId xmlns:a16="http://schemas.microsoft.com/office/drawing/2014/main" id="{B884E4AA-3F8F-DC97-F3BD-1A5E74A5CD42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772673782"/>
              </p:ext>
            </p:extLst>
          </p:nvPr>
        </p:nvGraphicFramePr>
        <p:xfrm>
          <a:off x="5603875" y="954088"/>
          <a:ext cx="5641975" cy="49212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62346805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3500" dirty="0"/>
              <a:t>15 </a:t>
            </a:r>
            <a:r>
              <a:rPr lang="en-US" sz="3500" dirty="0" err="1"/>
              <a:t>april</a:t>
            </a:r>
            <a:r>
              <a:rPr lang="en-US" sz="3500" dirty="0"/>
              <a:t> 2024</a:t>
            </a:r>
            <a:br>
              <a:rPr lang="en-US" sz="3500" dirty="0"/>
            </a:br>
            <a:r>
              <a:rPr lang="en-US" sz="3500" dirty="0"/>
              <a:t>Je </a:t>
            </a:r>
            <a:r>
              <a:rPr lang="en-US" sz="3500" dirty="0" err="1"/>
              <a:t>ontvangt</a:t>
            </a:r>
            <a:r>
              <a:rPr lang="en-US" sz="3500" dirty="0"/>
              <a:t> </a:t>
            </a:r>
            <a:r>
              <a:rPr lang="en-US" sz="3500" dirty="0" err="1"/>
              <a:t>een</a:t>
            </a:r>
            <a:r>
              <a:rPr lang="en-US" sz="3500" dirty="0"/>
              <a:t> email/brief </a:t>
            </a:r>
            <a:br>
              <a:rPr lang="en-US" sz="3500" dirty="0"/>
            </a:br>
            <a:r>
              <a:rPr lang="en-US" sz="3500" dirty="0"/>
              <a:t>met het </a:t>
            </a:r>
            <a:r>
              <a:rPr lang="en-US" sz="3500" dirty="0" err="1"/>
              <a:t>resultaat</a:t>
            </a:r>
            <a:r>
              <a:rPr lang="en-US" sz="3500" dirty="0"/>
              <a:t>  van de </a:t>
            </a:r>
            <a:r>
              <a:rPr lang="en-US" sz="3500" dirty="0" err="1"/>
              <a:t>aanmelding</a:t>
            </a:r>
            <a:endParaRPr lang="en-US" sz="3500" dirty="0"/>
          </a:p>
        </p:txBody>
      </p:sp>
      <p:sp>
        <p:nvSpPr>
          <p:cNvPr id="4" name="Tekstvak 3"/>
          <p:cNvSpPr txBox="1"/>
          <p:nvPr/>
        </p:nvSpPr>
        <p:spPr>
          <a:xfrm>
            <a:off x="1024128" y="2286000"/>
            <a:ext cx="8151770" cy="393192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marL="160020">
              <a:lnSpc>
                <a:spcPct val="90000"/>
              </a:lnSpc>
              <a:spcAft>
                <a:spcPts val="600"/>
              </a:spcAft>
              <a:buClr>
                <a:schemeClr val="accent1"/>
              </a:buClr>
            </a:pPr>
            <a:endParaRPr lang="en-US" dirty="0"/>
          </a:p>
        </p:txBody>
      </p:sp>
      <p:sp>
        <p:nvSpPr>
          <p:cNvPr id="7" name="Titel 1"/>
          <p:cNvSpPr txBox="1">
            <a:spLocks/>
          </p:cNvSpPr>
          <p:nvPr/>
        </p:nvSpPr>
        <p:spPr>
          <a:xfrm>
            <a:off x="323309" y="1041359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spcAft>
                <a:spcPts val="600"/>
              </a:spcAft>
            </a:pPr>
            <a:endParaRPr lang="nl-BE" dirty="0"/>
          </a:p>
        </p:txBody>
      </p:sp>
      <p:graphicFrame>
        <p:nvGraphicFramePr>
          <p:cNvPr id="9" name="Tekstvak 2">
            <a:extLst>
              <a:ext uri="{FF2B5EF4-FFF2-40B4-BE49-F238E27FC236}">
                <a16:creationId xmlns:a16="http://schemas.microsoft.com/office/drawing/2014/main" id="{DCE8A6F7-BB79-692C-D418-08BAB5352E5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563005832"/>
              </p:ext>
            </p:extLst>
          </p:nvPr>
        </p:nvGraphicFramePr>
        <p:xfrm>
          <a:off x="1023938" y="2286000"/>
          <a:ext cx="9720262" cy="40227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400837822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8">
            <a:extLst>
              <a:ext uri="{FF2B5EF4-FFF2-40B4-BE49-F238E27FC236}">
                <a16:creationId xmlns:a16="http://schemas.microsoft.com/office/drawing/2014/main" id="{CF271758-7AC4-4265-8775-DCDB97A1E73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Rectangle 10">
            <a:extLst>
              <a:ext uri="{FF2B5EF4-FFF2-40B4-BE49-F238E27FC236}">
                <a16:creationId xmlns:a16="http://schemas.microsoft.com/office/drawing/2014/main" id="{9C0365A3-9839-4FC6-BFF6-7115C711FD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4648199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43468" y="643467"/>
            <a:ext cx="3415612" cy="5571066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>
                <a:solidFill>
                  <a:srgbClr val="FFFFFF"/>
                </a:solidFill>
              </a:rPr>
              <a:t>Elk jaar opnieuw inschrijven?</a:t>
            </a:r>
          </a:p>
        </p:txBody>
      </p:sp>
      <p:graphicFrame>
        <p:nvGraphicFramePr>
          <p:cNvPr id="15" name="Tekstvak 2">
            <a:extLst>
              <a:ext uri="{FF2B5EF4-FFF2-40B4-BE49-F238E27FC236}">
                <a16:creationId xmlns:a16="http://schemas.microsoft.com/office/drawing/2014/main" id="{1C94AAF5-A49C-83E1-F795-5BCC2F09613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67632820"/>
              </p:ext>
            </p:extLst>
          </p:nvPr>
        </p:nvGraphicFramePr>
        <p:xfrm>
          <a:off x="5603875" y="954088"/>
          <a:ext cx="5641975" cy="49212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280187173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6" name="Rectangle 7">
            <a:extLst>
              <a:ext uri="{FF2B5EF4-FFF2-40B4-BE49-F238E27FC236}">
                <a16:creationId xmlns:a16="http://schemas.microsoft.com/office/drawing/2014/main" id="{39E4C68A-A4A9-48A4-9FF2-D2896B1EA01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9">
            <a:extLst>
              <a:ext uri="{FF2B5EF4-FFF2-40B4-BE49-F238E27FC236}">
                <a16:creationId xmlns:a16="http://schemas.microsoft.com/office/drawing/2014/main" id="{E2B9AEA5-52CB-49A6-AF8A-33502F291B9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4654296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964788" y="804333"/>
            <a:ext cx="3391900" cy="5249334"/>
          </a:xfrm>
        </p:spPr>
        <p:txBody>
          <a:bodyPr>
            <a:normAutofit/>
          </a:bodyPr>
          <a:lstStyle/>
          <a:p>
            <a:pPr algn="r"/>
            <a:r>
              <a:rPr lang="nl-BE">
                <a:solidFill>
                  <a:srgbClr val="FFFFFF"/>
                </a:solidFill>
              </a:rPr>
              <a:t>Kan een school mijn kind weigeren?</a:t>
            </a:r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4951048" y="804333"/>
            <a:ext cx="6306003" cy="5249334"/>
          </a:xfrm>
        </p:spPr>
        <p:txBody>
          <a:bodyPr anchor="ctr">
            <a:normAutofit/>
          </a:bodyPr>
          <a:lstStyle/>
          <a:p>
            <a:pPr marL="0" indent="0">
              <a:buNone/>
            </a:pPr>
            <a:r>
              <a:rPr lang="nl-BE" dirty="0"/>
              <a:t>Ja, maar, je kind is beschermd tegen willekeur.</a:t>
            </a:r>
          </a:p>
          <a:p>
            <a:r>
              <a:rPr lang="nl-BE" dirty="0"/>
              <a:t>Als het geboortejaar of leerjaar volzet is, moet de school je kind weigeren op basis van capaciteit en in chronologische volgorde tot en met 6 oktober 2024 en tot en met 30 juni 2025 voor de jongste kleuters (geboortejaar 2022)</a:t>
            </a:r>
          </a:p>
          <a:p>
            <a:r>
              <a:rPr lang="nl-BE" dirty="0"/>
              <a:t>Je kind komt dan op de wachtlijst voor het schooljaar 2024-2025.</a:t>
            </a:r>
          </a:p>
          <a:p>
            <a:r>
              <a:rPr lang="nl-BE" dirty="0"/>
              <a:t>De ouder ontvangt een </a:t>
            </a:r>
            <a:r>
              <a:rPr lang="nl-BE" u="sng" dirty="0"/>
              <a:t>weigering-document </a:t>
            </a:r>
            <a:r>
              <a:rPr lang="nl-BE" dirty="0"/>
              <a:t>van de school.</a:t>
            </a:r>
          </a:p>
          <a:p>
            <a:pPr marL="0" indent="0">
              <a:buNone/>
            </a:pPr>
            <a:r>
              <a:rPr lang="nl-BE" dirty="0"/>
              <a:t>Op het weigering-document staat vermeld : </a:t>
            </a:r>
          </a:p>
          <a:p>
            <a:pPr>
              <a:buFont typeface="Wingdings" panose="05000000000000000000" pitchFamily="2" charset="2"/>
              <a:buChar char="§"/>
            </a:pPr>
            <a:r>
              <a:rPr lang="nl-BE" dirty="0"/>
              <a:t>waarom je kind geweigerd is</a:t>
            </a:r>
          </a:p>
          <a:p>
            <a:pPr>
              <a:buFont typeface="Wingdings" panose="05000000000000000000" pitchFamily="2" charset="2"/>
              <a:buChar char="§"/>
            </a:pPr>
            <a:r>
              <a:rPr lang="nl-BE" dirty="0"/>
              <a:t>welke plaats je kind heeft op de </a:t>
            </a:r>
            <a:r>
              <a:rPr lang="nl-BE" b="1" dirty="0"/>
              <a:t>wachtlijst</a:t>
            </a:r>
          </a:p>
        </p:txBody>
      </p:sp>
    </p:spTree>
    <p:extLst>
      <p:ext uri="{BB962C8B-B14F-4D97-AF65-F5344CB8AC3E}">
        <p14:creationId xmlns:p14="http://schemas.microsoft.com/office/powerpoint/2010/main" val="424007018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0" name="Rectangle 29">
            <a:extLst>
              <a:ext uri="{FF2B5EF4-FFF2-40B4-BE49-F238E27FC236}">
                <a16:creationId xmlns:a16="http://schemas.microsoft.com/office/drawing/2014/main" id="{39E4C68A-A4A9-48A4-9FF2-D2896B1EA01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E2B9AEA5-52CB-49A6-AF8A-33502F291B9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4654296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964788" y="804333"/>
            <a:ext cx="3391900" cy="5249334"/>
          </a:xfrm>
        </p:spPr>
        <p:txBody>
          <a:bodyPr>
            <a:normAutofit/>
          </a:bodyPr>
          <a:lstStyle/>
          <a:p>
            <a:pPr algn="r"/>
            <a:r>
              <a:rPr lang="nl-BE">
                <a:solidFill>
                  <a:srgbClr val="FFFFFF"/>
                </a:solidFill>
              </a:rPr>
              <a:t>Dezelfde LOP – afspraken </a:t>
            </a:r>
            <a:br>
              <a:rPr lang="nl-BE">
                <a:solidFill>
                  <a:srgbClr val="FFFFFF"/>
                </a:solidFill>
              </a:rPr>
            </a:br>
            <a:br>
              <a:rPr lang="nl-BE">
                <a:solidFill>
                  <a:srgbClr val="FFFFFF"/>
                </a:solidFill>
              </a:rPr>
            </a:br>
            <a:r>
              <a:rPr lang="nl-BE">
                <a:solidFill>
                  <a:srgbClr val="FFFFFF"/>
                </a:solidFill>
              </a:rPr>
              <a:t>voor alle basisscholen in dendermonde</a:t>
            </a:r>
          </a:p>
        </p:txBody>
      </p:sp>
      <p:sp>
        <p:nvSpPr>
          <p:cNvPr id="25" name="Tijdelijke aanduiding voor inhoud 2"/>
          <p:cNvSpPr>
            <a:spLocks noGrp="1"/>
          </p:cNvSpPr>
          <p:nvPr>
            <p:ph idx="1"/>
          </p:nvPr>
        </p:nvSpPr>
        <p:spPr>
          <a:xfrm>
            <a:off x="4951048" y="804333"/>
            <a:ext cx="6306003" cy="5249334"/>
          </a:xfrm>
        </p:spPr>
        <p:txBody>
          <a:bodyPr anchor="ctr">
            <a:normAutofit/>
          </a:bodyPr>
          <a:lstStyle/>
          <a:p>
            <a:pPr marL="0" indent="0">
              <a:buNone/>
            </a:pPr>
            <a:r>
              <a:rPr lang="nl-BE" sz="1400" b="1" dirty="0">
                <a:solidFill>
                  <a:schemeClr val="accent4"/>
                </a:solidFill>
              </a:rPr>
              <a:t>Het Lokaal Overleg Platform (LOP) organiseert overleg met en tussen de scholen</a:t>
            </a:r>
          </a:p>
          <a:p>
            <a:pPr marL="0" indent="0">
              <a:buNone/>
            </a:pPr>
            <a:r>
              <a:rPr lang="nl-BE" sz="1400" dirty="0"/>
              <a:t>Faciliteert en bevordert de samenwerking tussen scholen en tussen scholen en relevante partners die werken rond gelijke onderwijskansen</a:t>
            </a:r>
          </a:p>
          <a:p>
            <a:pPr marL="0" indent="0">
              <a:buNone/>
            </a:pPr>
            <a:r>
              <a:rPr lang="nl-BE" sz="1400" b="1" dirty="0">
                <a:solidFill>
                  <a:schemeClr val="accent4"/>
                </a:solidFill>
              </a:rPr>
              <a:t>Wie is betrokken ?</a:t>
            </a:r>
          </a:p>
          <a:p>
            <a:pPr marL="0" indent="0">
              <a:buNone/>
            </a:pPr>
            <a:r>
              <a:rPr lang="nl-BE" sz="1400" dirty="0"/>
              <a:t>Directies van de basisscholen, </a:t>
            </a:r>
            <a:r>
              <a:rPr lang="nl-BE" sz="1400" dirty="0" err="1"/>
              <a:t>CLB’s</a:t>
            </a:r>
            <a:r>
              <a:rPr lang="nl-BE" sz="1400" dirty="0"/>
              <a:t>, Schepen van Onderwijs, Brugfiguren, Huis van het Kind, Kind &amp; Gezin, stedelijke onderwijsdienst.</a:t>
            </a:r>
          </a:p>
          <a:p>
            <a:pPr marL="0" indent="0">
              <a:buNone/>
            </a:pPr>
            <a:r>
              <a:rPr lang="nl-BE" sz="1400" b="1" dirty="0">
                <a:solidFill>
                  <a:schemeClr val="accent4"/>
                </a:solidFill>
              </a:rPr>
              <a:t>Wat doet het LOP  in het kader van de inschrijvingen ?</a:t>
            </a:r>
          </a:p>
          <a:p>
            <a:pPr>
              <a:buFontTx/>
              <a:buChar char="-"/>
            </a:pPr>
            <a:r>
              <a:rPr lang="nl-BE" sz="1400" b="1" dirty="0"/>
              <a:t>Organiseren van gemeenschappelijke acties om ouders te informeren rond de gezamenlijke opstart van de inschrijvingen =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nl-BE" sz="1400" dirty="0"/>
              <a:t>Infomoment voor ouders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nl-BE" sz="1400" dirty="0"/>
              <a:t>Website en brochure</a:t>
            </a:r>
          </a:p>
          <a:p>
            <a:pPr lvl="1">
              <a:buFont typeface="Wingdings" panose="05000000000000000000" pitchFamily="2" charset="2"/>
              <a:buChar char="§"/>
            </a:pPr>
            <a:r>
              <a:rPr lang="nl-BE" sz="1400" dirty="0"/>
              <a:t>Ondersteunen van kwetsbare gezinnen</a:t>
            </a:r>
          </a:p>
          <a:p>
            <a:pPr>
              <a:buFontTx/>
              <a:buChar char="-"/>
            </a:pPr>
            <a:r>
              <a:rPr lang="nl-BE" sz="1400" b="1" dirty="0"/>
              <a:t>Afspraken rond de aanmeldperiode - aanmeldsysteem – inschrijven – bekend maken van capaciteit en vrije plaatsen</a:t>
            </a:r>
          </a:p>
          <a:p>
            <a:pPr>
              <a:buFontTx/>
              <a:buChar char="-"/>
            </a:pPr>
            <a:r>
              <a:rPr lang="nl-BE" sz="1400" b="1" dirty="0"/>
              <a:t>Ondersteunen van scholen inzake toepassing van de regelgeving op maat van Dendermonde</a:t>
            </a:r>
          </a:p>
          <a:p>
            <a:pPr>
              <a:buFontTx/>
              <a:buChar char="-"/>
            </a:pPr>
            <a:r>
              <a:rPr lang="nl-BE" sz="1400" b="1" dirty="0"/>
              <a:t>Bemiddelen op vraag van ouders wanneer een leerling geen school vindt</a:t>
            </a:r>
          </a:p>
        </p:txBody>
      </p:sp>
    </p:spTree>
    <p:extLst>
      <p:ext uri="{BB962C8B-B14F-4D97-AF65-F5344CB8AC3E}">
        <p14:creationId xmlns:p14="http://schemas.microsoft.com/office/powerpoint/2010/main" val="223538263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Afbeelding 4">
            <a:extLst>
              <a:ext uri="{FF2B5EF4-FFF2-40B4-BE49-F238E27FC236}">
                <a16:creationId xmlns:a16="http://schemas.microsoft.com/office/drawing/2014/main" id="{974B1792-53C0-4D8F-B443-E914DB58278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23987" y="161925"/>
            <a:ext cx="9344025" cy="65341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13644766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9C0365A3-9839-4FC6-BFF6-7115C711FD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4648199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43468" y="643467"/>
            <a:ext cx="3415612" cy="5571066"/>
          </a:xfrm>
        </p:spPr>
        <p:txBody>
          <a:bodyPr>
            <a:normAutofit/>
          </a:bodyPr>
          <a:lstStyle/>
          <a:p>
            <a:r>
              <a:rPr lang="nl-BE" dirty="0">
                <a:solidFill>
                  <a:srgbClr val="FFFFFF"/>
                </a:solidFill>
              </a:rPr>
              <a:t>Niet akkoord met de weigering ?</a:t>
            </a:r>
          </a:p>
        </p:txBody>
      </p:sp>
      <p:graphicFrame>
        <p:nvGraphicFramePr>
          <p:cNvPr id="5" name="Tijdelijke aanduiding voor inhoud 2">
            <a:extLst>
              <a:ext uri="{FF2B5EF4-FFF2-40B4-BE49-F238E27FC236}">
                <a16:creationId xmlns:a16="http://schemas.microsoft.com/office/drawing/2014/main" id="{A3BE4587-78DD-A605-D9C2-E0043EFE0CAB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016299725"/>
              </p:ext>
            </p:extLst>
          </p:nvPr>
        </p:nvGraphicFramePr>
        <p:xfrm>
          <a:off x="5603875" y="954088"/>
          <a:ext cx="5641975" cy="49212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602105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2BF2ABC8-4FD6-4B60-92A7-BB3BEE3C1AC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10C9617-D7F4-485A-A97E-74A20E1026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4128" y="585216"/>
            <a:ext cx="8018272" cy="1499616"/>
          </a:xfrm>
        </p:spPr>
        <p:txBody>
          <a:bodyPr>
            <a:normAutofit/>
          </a:bodyPr>
          <a:lstStyle/>
          <a:p>
            <a:r>
              <a:rPr lang="nl-BE" dirty="0"/>
              <a:t>Commissie inzake leerlingenrechten</a:t>
            </a: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DCD479D3-536C-4161-A6F8-813D30719B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C9452FB6-CED0-419C-93B6-86B391B3E26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4128" y="2286000"/>
            <a:ext cx="8018271" cy="4023360"/>
          </a:xfrm>
        </p:spPr>
        <p:txBody>
          <a:bodyPr>
            <a:normAutofit/>
          </a:bodyPr>
          <a:lstStyle/>
          <a:p>
            <a:r>
              <a:rPr lang="nl-NL" dirty="0"/>
              <a:t>Ga je niet akkoord met de beslissing van de Ombudsdienst Inschrijvingen van het LOP ?</a:t>
            </a:r>
            <a:br>
              <a:rPr lang="nl-NL" dirty="0"/>
            </a:br>
            <a:r>
              <a:rPr lang="nl-NL" dirty="0"/>
              <a:t>Je kan een klacht indienen bij de Commissie inzake Leerlingenrechten.</a:t>
            </a:r>
          </a:p>
          <a:p>
            <a:r>
              <a:rPr lang="nl-NL" dirty="0"/>
              <a:t>Vlaams Ministerie van Onderwijs en Vorming – Secretariaat van de Commissie inzake Leerlingenrechten</a:t>
            </a:r>
            <a:br>
              <a:rPr lang="nl-NL" dirty="0"/>
            </a:br>
            <a:r>
              <a:rPr lang="nl-NL" dirty="0"/>
              <a:t>Koning Albert II – laan 15, 1210 Brussel.</a:t>
            </a:r>
            <a:br>
              <a:rPr lang="nl-NL" dirty="0"/>
            </a:br>
            <a:r>
              <a:rPr lang="nl-NL" dirty="0"/>
              <a:t>E-mail : commissie.leerlingenrechten@vlaanderen.be</a:t>
            </a:r>
            <a:br>
              <a:rPr lang="nl-NL" dirty="0"/>
            </a:br>
            <a:r>
              <a:rPr lang="nl-NL" dirty="0"/>
              <a:t>Telefoon : 02 553 98 83</a:t>
            </a:r>
          </a:p>
          <a:p>
            <a:br>
              <a:rPr lang="nl-NL" dirty="0"/>
            </a:br>
            <a:endParaRPr lang="nl-BE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77D7B666-D5E6-48CE-B26A-FB5E5C34AF9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583348" y="325601"/>
            <a:ext cx="2286920" cy="3908071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F6EE670A-A41A-44AD-BC1C-2090365EB5B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583348" y="4394539"/>
            <a:ext cx="2286920" cy="2029724"/>
          </a:xfrm>
          <a:prstGeom prst="rect">
            <a:avLst/>
          </a:prstGeom>
          <a:solidFill>
            <a:schemeClr val="tx2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6269458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" name="Straight Connector 64">
            <a:extLst>
              <a:ext uri="{FF2B5EF4-FFF2-40B4-BE49-F238E27FC236}">
                <a16:creationId xmlns:a16="http://schemas.microsoft.com/office/drawing/2014/main" id="{358D3741-4ACF-4DA5-ABD5-0C432115CDF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6066818" cy="1499616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Waar vind je meer informatie? </a:t>
            </a:r>
          </a:p>
        </p:txBody>
      </p:sp>
      <p:sp>
        <p:nvSpPr>
          <p:cNvPr id="3" name="Tekstvak 2"/>
          <p:cNvSpPr txBox="1"/>
          <p:nvPr/>
        </p:nvSpPr>
        <p:spPr>
          <a:xfrm>
            <a:off x="1024128" y="2286000"/>
            <a:ext cx="6066818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indent="-182880">
              <a:lnSpc>
                <a:spcPct val="90000"/>
              </a:lnSpc>
              <a:spcAft>
                <a:spcPts val="600"/>
              </a:spcAft>
              <a:buClr>
                <a:schemeClr val="accent1"/>
              </a:buClr>
              <a:buFont typeface="Wingdings" pitchFamily="2" charset="2"/>
              <a:buChar char=""/>
            </a:pPr>
            <a:r>
              <a:rPr lang="en-US"/>
              <a:t>Website</a:t>
            </a:r>
          </a:p>
          <a:p>
            <a:pPr indent="-182880">
              <a:lnSpc>
                <a:spcPct val="90000"/>
              </a:lnSpc>
              <a:spcAft>
                <a:spcPts val="600"/>
              </a:spcAft>
              <a:buClr>
                <a:schemeClr val="accent1"/>
              </a:buClr>
              <a:buFont typeface="Wingdings" pitchFamily="2" charset="2"/>
              <a:buChar char=""/>
            </a:pPr>
            <a:r>
              <a:rPr lang="en-US">
                <a:hlinkClick r:id="rId2"/>
              </a:rPr>
              <a:t>www.naarschoolindendermonde.be</a:t>
            </a:r>
            <a:r>
              <a:rPr lang="en-US"/>
              <a:t> </a:t>
            </a:r>
          </a:p>
          <a:p>
            <a:pPr indent="-182880">
              <a:lnSpc>
                <a:spcPct val="90000"/>
              </a:lnSpc>
              <a:spcAft>
                <a:spcPts val="600"/>
              </a:spcAft>
              <a:buClr>
                <a:schemeClr val="accent1"/>
              </a:buClr>
              <a:buFont typeface="Wingdings" pitchFamily="2" charset="2"/>
              <a:buChar char=""/>
            </a:pPr>
            <a:r>
              <a:rPr lang="en-US"/>
              <a:t>Digitale brochure downloaden</a:t>
            </a:r>
          </a:p>
          <a:p>
            <a:pPr indent="-182880">
              <a:lnSpc>
                <a:spcPct val="90000"/>
              </a:lnSpc>
              <a:spcAft>
                <a:spcPts val="600"/>
              </a:spcAft>
              <a:buClr>
                <a:schemeClr val="accent1"/>
              </a:buClr>
              <a:buFont typeface="Wingdings" pitchFamily="2" charset="2"/>
              <a:buChar char=""/>
            </a:pPr>
            <a:endParaRPr lang="en-US"/>
          </a:p>
          <a:p>
            <a:pPr indent="-182880">
              <a:lnSpc>
                <a:spcPct val="90000"/>
              </a:lnSpc>
              <a:spcAft>
                <a:spcPts val="600"/>
              </a:spcAft>
              <a:buClr>
                <a:schemeClr val="accent1"/>
              </a:buClr>
              <a:buFont typeface="Wingdings" pitchFamily="2" charset="2"/>
              <a:buChar char=""/>
            </a:pPr>
            <a:endParaRPr lang="en-US"/>
          </a:p>
          <a:p>
            <a:pPr indent="-182880">
              <a:lnSpc>
                <a:spcPct val="90000"/>
              </a:lnSpc>
              <a:spcAft>
                <a:spcPts val="600"/>
              </a:spcAft>
              <a:buClr>
                <a:schemeClr val="accent1"/>
              </a:buClr>
              <a:buFont typeface="Wingdings" pitchFamily="2" charset="2"/>
              <a:buChar char=""/>
            </a:pPr>
            <a:endParaRPr lang="en-US" dirty="0"/>
          </a:p>
        </p:txBody>
      </p:sp>
      <p:pic>
        <p:nvPicPr>
          <p:cNvPr id="9" name="Afbeelding 8">
            <a:extLst>
              <a:ext uri="{FF2B5EF4-FFF2-40B4-BE49-F238E27FC236}">
                <a16:creationId xmlns:a16="http://schemas.microsoft.com/office/drawing/2014/main" id="{505183E6-B6F7-4005-66A7-CE2A889166D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5046"/>
          <a:stretch/>
        </p:blipFill>
        <p:spPr>
          <a:xfrm>
            <a:off x="7552266" y="10"/>
            <a:ext cx="4639733" cy="6857990"/>
          </a:xfrm>
          <a:prstGeom prst="rect">
            <a:avLst/>
          </a:prstGeom>
        </p:spPr>
      </p:pic>
      <p:sp>
        <p:nvSpPr>
          <p:cNvPr id="4" name="Tekstvak 3"/>
          <p:cNvSpPr txBox="1"/>
          <p:nvPr/>
        </p:nvSpPr>
        <p:spPr>
          <a:xfrm>
            <a:off x="4791075" y="3966825"/>
            <a:ext cx="4705349" cy="25391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endParaRPr lang="nl-BE" sz="3600" dirty="0"/>
          </a:p>
          <a:p>
            <a:pPr>
              <a:spcAft>
                <a:spcPts val="600"/>
              </a:spcAft>
            </a:pPr>
            <a:endParaRPr lang="nl-BE" sz="3600" dirty="0"/>
          </a:p>
          <a:p>
            <a:pPr>
              <a:spcAft>
                <a:spcPts val="600"/>
              </a:spcAft>
            </a:pPr>
            <a:endParaRPr lang="nl-BE" sz="3600" dirty="0"/>
          </a:p>
          <a:p>
            <a:pPr>
              <a:spcAft>
                <a:spcPts val="600"/>
              </a:spcAft>
            </a:pPr>
            <a:endParaRPr lang="nl-BE" sz="3600" dirty="0"/>
          </a:p>
        </p:txBody>
      </p:sp>
    </p:spTree>
    <p:extLst>
      <p:ext uri="{BB962C8B-B14F-4D97-AF65-F5344CB8AC3E}">
        <p14:creationId xmlns:p14="http://schemas.microsoft.com/office/powerpoint/2010/main" val="1225059608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CF271758-7AC4-4265-8775-DCDB97A1E73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Hulp nodig bij aanmelden?</a:t>
            </a:r>
          </a:p>
        </p:txBody>
      </p:sp>
      <p:graphicFrame>
        <p:nvGraphicFramePr>
          <p:cNvPr id="5" name="Tekstvak 2">
            <a:extLst>
              <a:ext uri="{FF2B5EF4-FFF2-40B4-BE49-F238E27FC236}">
                <a16:creationId xmlns:a16="http://schemas.microsoft.com/office/drawing/2014/main" id="{F6097E49-AE69-B061-7A1A-781DA97058E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42270345"/>
              </p:ext>
            </p:extLst>
          </p:nvPr>
        </p:nvGraphicFramePr>
        <p:xfrm>
          <a:off x="1023938" y="2286000"/>
          <a:ext cx="9720262" cy="40227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09767516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" name="Straight Connector 48">
            <a:extLst>
              <a:ext uri="{FF2B5EF4-FFF2-40B4-BE49-F238E27FC236}">
                <a16:creationId xmlns:a16="http://schemas.microsoft.com/office/drawing/2014/main" id="{988A901F-2380-409D-B12F-3A0FDAFAEEE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8386842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Rectangle 50">
            <a:extLst>
              <a:ext uri="{FF2B5EF4-FFF2-40B4-BE49-F238E27FC236}">
                <a16:creationId xmlns:a16="http://schemas.microsoft.com/office/drawing/2014/main" id="{14CD50C8-2F85-4F12-A5B5-9336E254A7D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4572001"/>
          </a:xfrm>
          <a:prstGeom prst="rect">
            <a:avLst/>
          </a:prstGeom>
          <a:blipFill dpi="0" rotWithShape="1">
            <a:blip r:embed="rId2">
              <a:duotone>
                <a:schemeClr val="accent1">
                  <a:shade val="45000"/>
                  <a:satMod val="135000"/>
                </a:schemeClr>
                <a:prstClr val="white"/>
              </a:duotone>
            </a:blip>
            <a:srcRect/>
            <a:tile tx="-133350" ty="-6350" sx="50000" sy="50000" flip="none" algn="tl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5" name="Rectangle 52">
            <a:extLst>
              <a:ext uri="{FF2B5EF4-FFF2-40B4-BE49-F238E27FC236}">
                <a16:creationId xmlns:a16="http://schemas.microsoft.com/office/drawing/2014/main" id="{2618DD3C-AECB-422E-BF3A-25F49DF3026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726" cy="685897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DAD62C5-67E2-4193-80B0-CAD8AE505F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3611" y="685893"/>
            <a:ext cx="3566407" cy="2989044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r"/>
            <a:r>
              <a:rPr lang="en-US" sz="4400" spc="200" dirty="0" err="1"/>
              <a:t>Andere</a:t>
            </a:r>
            <a:r>
              <a:rPr lang="en-US" sz="4400" spc="200" dirty="0"/>
              <a:t> </a:t>
            </a:r>
            <a:r>
              <a:rPr lang="en-US" sz="4400" spc="200" dirty="0" err="1"/>
              <a:t>vragen</a:t>
            </a:r>
            <a:r>
              <a:rPr lang="en-US" sz="4400" spc="200" dirty="0"/>
              <a:t> ?</a:t>
            </a:r>
          </a:p>
        </p:txBody>
      </p:sp>
      <p:cxnSp>
        <p:nvCxnSpPr>
          <p:cNvPr id="66" name="Straight Connector 54">
            <a:extLst>
              <a:ext uri="{FF2B5EF4-FFF2-40B4-BE49-F238E27FC236}">
                <a16:creationId xmlns:a16="http://schemas.microsoft.com/office/drawing/2014/main" id="{B073669D-B21F-48ED-BC1D-FFD25A3D88A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613610" y="3759161"/>
            <a:ext cx="3566160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Afbeelding 4">
            <a:extLst>
              <a:ext uri="{FF2B5EF4-FFF2-40B4-BE49-F238E27FC236}">
                <a16:creationId xmlns:a16="http://schemas.microsoft.com/office/drawing/2014/main" id="{CFF6461B-E10B-9DB8-AA6D-B94C8B915A42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6348" b="-2"/>
          <a:stretch/>
        </p:blipFill>
        <p:spPr>
          <a:xfrm>
            <a:off x="4654984" y="0"/>
            <a:ext cx="753374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23001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iterate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8" name="Straight Connector 25">
            <a:extLst>
              <a:ext uri="{FF2B5EF4-FFF2-40B4-BE49-F238E27FC236}">
                <a16:creationId xmlns:a16="http://schemas.microsoft.com/office/drawing/2014/main" id="{C9D6DD36-50FE-47C1-8D00-3D3C4187ECF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8386842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Rectangle 27">
            <a:extLst>
              <a:ext uri="{FF2B5EF4-FFF2-40B4-BE49-F238E27FC236}">
                <a16:creationId xmlns:a16="http://schemas.microsoft.com/office/drawing/2014/main" id="{0F9ADC11-F6B8-4B69-8AC7-50377071A16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4572001"/>
          </a:xfrm>
          <a:prstGeom prst="rect">
            <a:avLst/>
          </a:prstGeom>
          <a:blipFill dpi="0" rotWithShape="1">
            <a:blip r:embed="rId2">
              <a:duotone>
                <a:schemeClr val="accent1">
                  <a:shade val="45000"/>
                  <a:satMod val="135000"/>
                </a:schemeClr>
                <a:prstClr val="white"/>
              </a:duotone>
            </a:blip>
            <a:srcRect/>
            <a:tile tx="-133350" ty="-6350" sx="50000" sy="50000" flip="none" algn="tl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 useBgFill="1">
        <p:nvSpPr>
          <p:cNvPr id="40" name="Rectangle 29">
            <a:extLst>
              <a:ext uri="{FF2B5EF4-FFF2-40B4-BE49-F238E27FC236}">
                <a16:creationId xmlns:a16="http://schemas.microsoft.com/office/drawing/2014/main" id="{62AE8E50-35D4-4D5A-A4BB-168CBB027DA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0" y="0"/>
            <a:ext cx="12188726" cy="685897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Rectangle 31">
            <a:extLst>
              <a:ext uri="{FF2B5EF4-FFF2-40B4-BE49-F238E27FC236}">
                <a16:creationId xmlns:a16="http://schemas.microsoft.com/office/drawing/2014/main" id="{B94D87A0-BA55-4A8B-9FD6-6109543D2BD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97946" y="620720"/>
            <a:ext cx="3366054" cy="5571069"/>
          </a:xfrm>
          <a:prstGeom prst="rect">
            <a:avLst/>
          </a:prstGeom>
          <a:blipFill dpi="0" rotWithShape="1">
            <a:blip r:embed="rId2">
              <a:duotone>
                <a:schemeClr val="accent1">
                  <a:shade val="45000"/>
                  <a:satMod val="135000"/>
                </a:schemeClr>
                <a:prstClr val="white"/>
              </a:duotone>
            </a:blip>
            <a:srcRect/>
            <a:tile tx="0" ty="0" sx="80000" sy="80000" flip="xy" algn="ctr"/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42" name="Rectangle 33">
            <a:extLst>
              <a:ext uri="{FF2B5EF4-FFF2-40B4-BE49-F238E27FC236}">
                <a16:creationId xmlns:a16="http://schemas.microsoft.com/office/drawing/2014/main" id="{1B26E892-1320-40AA-9CA1-246721C1876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228592" y="620720"/>
            <a:ext cx="7323231" cy="559316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3A4FEA26-3017-42FD-8A39-676ACCA412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13224" y="1105351"/>
            <a:ext cx="6353967" cy="3023981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l"/>
            <a:r>
              <a:rPr lang="en-US" sz="4800">
                <a:solidFill>
                  <a:srgbClr val="FFFFFF"/>
                </a:solidFill>
              </a:rPr>
              <a:t>Dankjewel voor de aandacht !</a:t>
            </a:r>
          </a:p>
        </p:txBody>
      </p:sp>
      <p:sp>
        <p:nvSpPr>
          <p:cNvPr id="4" name="Ondertitel 3">
            <a:extLst>
              <a:ext uri="{FF2B5EF4-FFF2-40B4-BE49-F238E27FC236}">
                <a16:creationId xmlns:a16="http://schemas.microsoft.com/office/drawing/2014/main" id="{6D61D2E8-EDB2-4F72-9F0F-B03306F1395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13224" y="4297556"/>
            <a:ext cx="6353968" cy="1433391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>
                <a:solidFill>
                  <a:srgbClr val="FFFFFF"/>
                </a:solidFill>
              </a:rPr>
              <a:t>We wensen je kindje een prima start in de kleuterklas !</a:t>
            </a:r>
          </a:p>
        </p:txBody>
      </p:sp>
      <p:cxnSp>
        <p:nvCxnSpPr>
          <p:cNvPr id="43" name="Straight Connector 35">
            <a:extLst>
              <a:ext uri="{FF2B5EF4-FFF2-40B4-BE49-F238E27FC236}">
                <a16:creationId xmlns:a16="http://schemas.microsoft.com/office/drawing/2014/main" id="{C9A1F79C-E4D1-4AAE-BA11-3A09005252E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842932" y="4214336"/>
            <a:ext cx="5120640" cy="0"/>
          </a:xfrm>
          <a:prstGeom prst="line">
            <a:avLst/>
          </a:prstGeom>
          <a:ln w="19050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6241831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Afbeelding 4">
            <a:extLst>
              <a:ext uri="{FF2B5EF4-FFF2-40B4-BE49-F238E27FC236}">
                <a16:creationId xmlns:a16="http://schemas.microsoft.com/office/drawing/2014/main" id="{A03E033C-263D-4315-9C94-F7E4BE3620B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43940" y="0"/>
            <a:ext cx="10104120" cy="6858000"/>
          </a:xfrm>
          <a:prstGeom prst="ellipse">
            <a:avLst/>
          </a:pr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sp>
        <p:nvSpPr>
          <p:cNvPr id="6" name="Titel 5">
            <a:extLst>
              <a:ext uri="{FF2B5EF4-FFF2-40B4-BE49-F238E27FC236}">
                <a16:creationId xmlns:a16="http://schemas.microsoft.com/office/drawing/2014/main" id="{1A2DE1F2-8CC2-4BED-B899-8694BB6118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4128" y="585216"/>
            <a:ext cx="10250330" cy="677976"/>
          </a:xfrm>
        </p:spPr>
        <p:txBody>
          <a:bodyPr>
            <a:normAutofit fontScale="90000"/>
          </a:bodyPr>
          <a:lstStyle/>
          <a:p>
            <a:pPr algn="r"/>
            <a:r>
              <a:rPr lang="nl-BE" dirty="0"/>
              <a:t>divers Aanbod van scholen in Dendermonde</a:t>
            </a:r>
          </a:p>
        </p:txBody>
      </p:sp>
    </p:spTree>
    <p:extLst>
      <p:ext uri="{BB962C8B-B14F-4D97-AF65-F5344CB8AC3E}">
        <p14:creationId xmlns:p14="http://schemas.microsoft.com/office/powerpoint/2010/main" val="340096770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10605A2-63B8-40AA-922B-A370EAEFAB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49950" y="2194560"/>
            <a:ext cx="5418961" cy="378035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marL="342900" indent="-342900" algn="ctr">
              <a:lnSpc>
                <a:spcPct val="80000"/>
              </a:lnSpc>
              <a:buFont typeface="Arial" panose="020B0604020202020204" pitchFamily="34" charset="0"/>
              <a:buChar char="•"/>
            </a:pPr>
            <a:r>
              <a:rPr lang="en-US" sz="2800" b="1" spc="150" dirty="0">
                <a:solidFill>
                  <a:schemeClr val="accent3">
                    <a:lumMod val="7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Vrije schoolkeuze</a:t>
            </a:r>
            <a:br>
              <a:rPr lang="en-US" sz="2800" spc="150" dirty="0">
                <a:solidFill>
                  <a:schemeClr val="tx2"/>
                </a:solidFill>
              </a:rPr>
            </a:br>
            <a:r>
              <a:rPr lang="en-US" sz="2800" spc="150" dirty="0">
                <a:solidFill>
                  <a:schemeClr val="tx2"/>
                </a:solidFill>
              </a:rPr>
              <a:t>Tip ! Informeer je goed, bezoek de website van de school, maak kennis met het schoolteam, bekijk het filmpje van de school,…</a:t>
            </a:r>
          </a:p>
        </p:txBody>
      </p:sp>
      <p:sp>
        <p:nvSpPr>
          <p:cNvPr id="9" name="Tekstvak 8">
            <a:extLst>
              <a:ext uri="{FF2B5EF4-FFF2-40B4-BE49-F238E27FC236}">
                <a16:creationId xmlns:a16="http://schemas.microsoft.com/office/drawing/2014/main" id="{AF86726A-6674-4350-8197-A3305D4F59D8}"/>
              </a:ext>
            </a:extLst>
          </p:cNvPr>
          <p:cNvSpPr txBox="1"/>
          <p:nvPr/>
        </p:nvSpPr>
        <p:spPr>
          <a:xfrm>
            <a:off x="1479335" y="1129847"/>
            <a:ext cx="519161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l-BE" dirty="0">
                <a:hlinkClick r:id="rId2"/>
              </a:rPr>
              <a:t>https://bao.naarschoolindendermonde.be/scholen</a:t>
            </a:r>
            <a:r>
              <a:rPr lang="nl-BE" dirty="0"/>
              <a:t> </a:t>
            </a:r>
          </a:p>
        </p:txBody>
      </p:sp>
      <p:sp>
        <p:nvSpPr>
          <p:cNvPr id="3" name="Tekstvak 2">
            <a:extLst>
              <a:ext uri="{FF2B5EF4-FFF2-40B4-BE49-F238E27FC236}">
                <a16:creationId xmlns:a16="http://schemas.microsoft.com/office/drawing/2014/main" id="{E7BFE42A-9382-475D-92E4-0A2B49AB75DA}"/>
              </a:ext>
            </a:extLst>
          </p:cNvPr>
          <p:cNvSpPr txBox="1"/>
          <p:nvPr/>
        </p:nvSpPr>
        <p:spPr>
          <a:xfrm>
            <a:off x="300625" y="2304789"/>
            <a:ext cx="6012493" cy="17160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nl-BE" dirty="0"/>
          </a:p>
        </p:txBody>
      </p:sp>
      <p:pic>
        <p:nvPicPr>
          <p:cNvPr id="6" name="Afbeelding 5">
            <a:extLst>
              <a:ext uri="{FF2B5EF4-FFF2-40B4-BE49-F238E27FC236}">
                <a16:creationId xmlns:a16="http://schemas.microsoft.com/office/drawing/2014/main" id="{9C5EA53D-A08A-4441-BE8F-1DD20440503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2096567"/>
            <a:ext cx="6222367" cy="2706342"/>
          </a:xfrm>
          <a:prstGeom prst="rect">
            <a:avLst/>
          </a:prstGeom>
        </p:spPr>
      </p:pic>
      <p:pic>
        <p:nvPicPr>
          <p:cNvPr id="8" name="Afbeelding 7">
            <a:extLst>
              <a:ext uri="{FF2B5EF4-FFF2-40B4-BE49-F238E27FC236}">
                <a16:creationId xmlns:a16="http://schemas.microsoft.com/office/drawing/2014/main" id="{5E7E7D10-98C8-4FF4-A9BC-6D7FF6B6926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877305" y="451202"/>
            <a:ext cx="3219189" cy="18535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201907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iterate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Afbeelding 3">
            <a:extLst>
              <a:ext uri="{FF2B5EF4-FFF2-40B4-BE49-F238E27FC236}">
                <a16:creationId xmlns:a16="http://schemas.microsoft.com/office/drawing/2014/main" id="{F540A922-B48F-494D-BD94-062EC172C5D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1350" y="0"/>
            <a:ext cx="10229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274398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Afbeelding 2">
            <a:extLst>
              <a:ext uri="{FF2B5EF4-FFF2-40B4-BE49-F238E27FC236}">
                <a16:creationId xmlns:a16="http://schemas.microsoft.com/office/drawing/2014/main" id="{6588142D-87F9-4303-8827-EC669D92106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53281" y="0"/>
            <a:ext cx="10885437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305471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Afbeelding 2">
            <a:extLst>
              <a:ext uri="{FF2B5EF4-FFF2-40B4-BE49-F238E27FC236}">
                <a16:creationId xmlns:a16="http://schemas.microsoft.com/office/drawing/2014/main" id="{68284262-6087-4EAB-BF7F-F4782418903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33562" y="228600"/>
            <a:ext cx="8524875" cy="6400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481010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Afbeelding 2">
            <a:extLst>
              <a:ext uri="{FF2B5EF4-FFF2-40B4-BE49-F238E27FC236}">
                <a16:creationId xmlns:a16="http://schemas.microsoft.com/office/drawing/2014/main" id="{CA361494-3EF1-461F-B716-91EF242FFDD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81187" y="247650"/>
            <a:ext cx="8429625" cy="6362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05486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bmwtQkUiLCJTdHlsZU5hbWUiOiJTdGFuZGFyZCIsIklzVGVtcGxhdGUiOmZhbHNlLCJWZXJzaW9uIjp7IiRpZCI6IjIiLCJWZXJzaW9uIjoiMy4xLjAiLCJPcmlnaW5hbEFzc2VtYmx5VmVyc2lvbiI6IjMuMTIuMDE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wLCJUb2RheU1hcmtlclBvc2l0aW9uIjow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Qv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cmVmIjoiNzkifSwiSXNWaXNpYmxlIjp0cnVlLCJQYXJlbnRTdHlsZSI6bnVsbCwiX2V4cGxpY2l0bHlTZXQiOnsiJGlkIjoiMTI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IiLCJTdGFydERhdGUiOiIyMDE4LTAxLTIyVDAwOjAwOjAwIiwiRW5kRGF0ZSI6IjIwMTgtMDctMDlUMjM6NTk6MDAiLCJGb3JtYXQiOiJNTU0iLCJUeXBlIjoyLCJBdXRvRGF0ZVJhbmdlIjp0cnVlLCJXb3JraW5nRGF5cyI6MTI3LCJUb2RheU1hcmtlclRleHQiOiJUb2RheSIsIkF1dG9TY2FsZVR5cGUiOmZhbHNlfSwiTWlsZXN0b25lcyI6W3siJGlkIjoiMTIzIiwiRGF0ZSI6IjIwMTgtMDEtMjJUMjM6NTk6MDB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IsIkZvcmVncm91bmQiOnsiJHJlZiI6IjY3In0sIk1heFdpZHRoIjo1NTAuOTY3NTI5Mjk2OD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I2LCJHIjoxNzAsIkIiOjY2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yLCJGb3JlZ3JvdW5kIjp7IiRyZWYiOiI2NyJ9LCJNYXhXaWR0aCI6Mjk4LjA3ODEy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yNTQsIkciOjE4NiwiQiI6MTB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E0MTkxMzYzNDg3NzE0NiwiSXNDdXN0b20iOnRydWV9LCJEYXRlRm9ybWF0Ijp7IiRyZWYiOiI3OSJ9LCJJZCI6IjRlNDdhN2Q1LTcxNTEtNDYyNS05Y2RhLTlmZTkyNDBmZDgxYyIsIkltcG9ydElkIjpudWxsLCJUaXRsZSI6IlN0YXJ0IHZyaWplIGluc2NocmlqdmluZ2VuIiwiTm90ZSI6bnVsbCwiSHlwZXJsaW5rIjpudWxsLCJJc0NoYW5nZWQiOmZhbHNlLCJJc05ldyI6ZmFsc2V9XSwiVGFza3MiOlt7IiRpZCI6IjE4MyIsIkdyb3VwTmFtZSI6bnVsbCwiU3RhcnREYXRlIjoiMjAxOC0wMS0yMlQwMDowMDowMFoiLCJFbmREYXRlIjoiMjAxOC0wMi0wMlQyMzo1OTowMF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5MyIsIk1hcmdpbiI6eyIkcmVmIjoiMTAyIn0sIlBhZGRpbmciOnsiJHJlZiI6IjEwMyJ9LCJCYWNrZ3JvdW5kIjp7IiRpZCI6IjE5NCIsIkNvbG9yIjp7IiRpZCI6IjE5NSIsIkEiOjI1NSwiUiI6MCwiRyI6MTE0LCJCIjoxODh9fSwiSXNWaXNpYmxlIjp0cnVlLCJXaWR0aCI6MC4wLCJIZWlnaHQiOjE2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NyIsIkxpbmVDb2xvciI6bnVsbCwiTGluZVdlaWdodCI6MC4wLCJMaW5lVHlwZSI6MCwiUGFyZW50U3R5bGUiOm51bGx9LCJQYXJlbnRTdHlsZSI6eyIkcmVmIjoiODEifX0sIkR1cmF0aW9uU3R5bGUiOnsiJGlkIjoiMjA4IiwiRm9udFNldHRpbmdzIjp7IiRpZCI6IjI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CIsIkxpbmVDb2xvciI6bnVsbCwiTGluZVdlaWdodCI6MC4wLCJMaW5lVHlwZSI6MCwiUGFyZW50U3R5bGUiOm51bGx9LCJQYXJlbnRTdHlsZSI6eyIkcmVmIjoiODgifX0sIkhvcml6b250YWxDb25uZWN0b3JTdHlsZSI6eyIkaWQiOiIyMTEiLCJMaW5lQ29sb3IiOnsiJHJlZiI6Ijk2In0sIkxpbmVXZWlnaHQiOjAuMCwiTGluZVR5cGUiOjAsIlBhcmVudFN0eWxlIjp7IiRyZWYiOiI5NSJ9fSwiVmVydGljYWxDb25uZWN0b3JTdHlsZSI6eyIkaWQiOiIyMTI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MiLCJNYXJnaW4iOnsiJHJlZiI6IjEwMiJ9LCJQYWRkaW5nIjp7IiRyZWYiOiIxMDMifSwiQmFja2dyb3VuZCI6eyIkaWQiOiIyMTQiLCJDb2xvciI6eyIkaWQiOiIyMTUiLCJBIjoyNTUsIlIiOjI2LCJHIjoxNzAsIkIiOjY2fX0sIklzVmlzaWJsZSI6dHJ1ZSwiV2lkdGgiOjAuMCwiSGVpZ2h0IjoxNi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wLjAsIkxpbmVUeXBlIjowLCJQYXJlbnRTdHlsZSI6eyIkcmVmIjoiOTUifX0sIlZlcnRpY2FsQ29ubmVjdG9yU3R5bGUiOnsiJGlkIjoiMjMy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zIiwiTWFyZ2luIjp7IiRyZWYiOiIxMDIifSwiUGFkZGluZyI6eyIkcmVmIjoiMTAzIn0sIkJhY2tncm91bmQiOnsiJGlkIjoiMjM0IiwiQ29sb3IiOnsiJGlkIjoiMjM1IiwiQSI6MjU1LCJSIjoxMTEsIkciOjQ5LCJCIjoxNTJ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1MyIsIk1hcmdpbiI6eyIkcmVmIjoiMTAyIn0sIlBhZGRpbmciOnsiJHJlZiI6IjEwMyJ9LCJCYWNrZ3JvdW5kIjp7IiRpZCI6IjI1NCIsIkNvbG9yIjp7IiRpZCI6IjI1NSIsIkEiOjI1NSwiUiI6MjU0LCJHIjoxODYsIkIiOjEw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yNjc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NTERVAL3" val="0,114,188,-16747844,False;;12/01/2016 00:00:00;01/01/2017 00:00:00;iets;4;Shape;3;Calibri;11;Calibri;10;Calibri;10;0;-16777215;-14726786;-14726786;False;0;False;False;False;False;False;False;False;Fals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NTERVAL3" val="0,114,188,-16747844,False;;12/01/2016 00:00:00;01/01/2017 00:00:00;iets;4;Shape;3;Calibri;11;Calibri;10;Calibri;10;0;-16777215;-14726786;-14726786;False;0;False;False;False;False;False;False;False;Fals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INTERVAL3" val="0,114,188,-16747844,False;;12/01/2016 00:00:00;01/01/2017 00:00:00;iets;4;Shape;3;Calibri;11;Calibri;10;Calibri;10;0;-16777215;-14726786;-14726786;False;0;False;False;False;False;False;False;False;Fals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RIGHTTIMEBANDDATE" val="Yes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2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HDOfficeLightV0">
  <a:themeElements>
    <a:clrScheme name="Blauw">
      <a:dk1>
        <a:sysClr val="windowText" lastClr="000000"/>
      </a:dk1>
      <a:lt1>
        <a:sysClr val="window" lastClr="FFFFFF"/>
      </a:lt1>
      <a:dk2>
        <a:srgbClr val="17406D"/>
      </a:dk2>
      <a:lt2>
        <a:srgbClr val="DBEFF9"/>
      </a:lt2>
      <a:accent1>
        <a:srgbClr val="0F6FC6"/>
      </a:accent1>
      <a:accent2>
        <a:srgbClr val="009DD9"/>
      </a:accent2>
      <a:accent3>
        <a:srgbClr val="0BD0D9"/>
      </a:accent3>
      <a:accent4>
        <a:srgbClr val="10CF9B"/>
      </a:accent4>
      <a:accent5>
        <a:srgbClr val="7CCA62"/>
      </a:accent5>
      <a:accent6>
        <a:srgbClr val="A5C249"/>
      </a:accent6>
      <a:hlink>
        <a:srgbClr val="F49100"/>
      </a:hlink>
      <a:folHlink>
        <a:srgbClr val="85DFD0"/>
      </a:folHlink>
    </a:clrScheme>
    <a:fontScheme name="Kantoor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67000"/>
                <a:satMod val="105000"/>
                <a:lumMod val="110000"/>
              </a:schemeClr>
            </a:gs>
            <a:gs pos="50000">
              <a:schemeClr val="phClr">
                <a:tint val="73000"/>
                <a:satMod val="103000"/>
                <a:lumMod val="105000"/>
              </a:schemeClr>
            </a:gs>
            <a:gs pos="100000">
              <a:schemeClr val="phClr">
                <a:tint val="81000"/>
                <a:satMod val="109000"/>
                <a:lumMod val="105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4000"/>
                <a:satMod val="103000"/>
                <a:lumMod val="102000"/>
              </a:schemeClr>
            </a:gs>
            <a:gs pos="50000">
              <a:schemeClr val="phClr">
                <a:shade val="100000"/>
                <a:satMod val="110000"/>
                <a:lumMod val="100000"/>
              </a:schemeClr>
            </a:gs>
            <a:gs pos="100000">
              <a:schemeClr val="phClr">
                <a:shade val="78000"/>
                <a:satMod val="120000"/>
                <a:lumMod val="99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Integraal">
  <a:themeElements>
    <a:clrScheme name="Integraal">
      <a:dk1>
        <a:sysClr val="windowText" lastClr="000000"/>
      </a:dk1>
      <a:lt1>
        <a:sysClr val="window" lastClr="FFFFFF"/>
      </a:lt1>
      <a:dk2>
        <a:srgbClr val="455F51"/>
      </a:dk2>
      <a:lt2>
        <a:srgbClr val="E3DED1"/>
      </a:lt2>
      <a:accent1>
        <a:srgbClr val="99CB38"/>
      </a:accent1>
      <a:accent2>
        <a:srgbClr val="63A537"/>
      </a:accent2>
      <a:accent3>
        <a:srgbClr val="E6D024"/>
      </a:accent3>
      <a:accent4>
        <a:srgbClr val="CC9700"/>
      </a:accent4>
      <a:accent5>
        <a:srgbClr val="4EB3CF"/>
      </a:accent5>
      <a:accent6>
        <a:srgbClr val="378DA6"/>
      </a:accent6>
      <a:hlink>
        <a:srgbClr val="6B9F25"/>
      </a:hlink>
      <a:folHlink>
        <a:srgbClr val="B26B02"/>
      </a:folHlink>
    </a:clrScheme>
    <a:fontScheme name="Integra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85000"/>
            <a:satMod val="125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  <a:shade val="74000"/>
                <a:satMod val="230000"/>
              </a:schemeClr>
              <a:schemeClr val="phClr">
                <a:tint val="92000"/>
                <a:shade val="69000"/>
                <a:satMod val="250000"/>
              </a:schemeClr>
            </a:duotone>
          </a:blip>
          <a:tile tx="0" ty="0" sx="40000" sy="4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29F68FFC-748B-4FC3-BF39-7F84A6D5840F}"/>
    </a:ext>
  </a:extLst>
</a:theme>
</file>

<file path=ppt/theme/theme3.xml><?xml version="1.0" encoding="utf-8"?>
<a:theme xmlns:a="http://schemas.openxmlformats.org/drawingml/2006/main" name="Kantoorth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979</TotalTime>
  <Words>1398</Words>
  <Application>Microsoft Office PowerPoint</Application>
  <PresentationFormat>Breedbeeld</PresentationFormat>
  <Paragraphs>184</Paragraphs>
  <Slides>36</Slides>
  <Notes>2</Notes>
  <HiddenSlides>0</HiddenSlides>
  <MMClips>0</MMClips>
  <ScaleCrop>false</ScaleCrop>
  <HeadingPairs>
    <vt:vector size="6" baseType="variant">
      <vt:variant>
        <vt:lpstr>Gebruikte lettertypen</vt:lpstr>
      </vt:variant>
      <vt:variant>
        <vt:i4>8</vt:i4>
      </vt:variant>
      <vt:variant>
        <vt:lpstr>Thema</vt:lpstr>
      </vt:variant>
      <vt:variant>
        <vt:i4>2</vt:i4>
      </vt:variant>
      <vt:variant>
        <vt:lpstr>Diatitels</vt:lpstr>
      </vt:variant>
      <vt:variant>
        <vt:i4>36</vt:i4>
      </vt:variant>
    </vt:vector>
  </HeadingPairs>
  <TitlesOfParts>
    <vt:vector size="46" baseType="lpstr">
      <vt:lpstr>Arial</vt:lpstr>
      <vt:lpstr>Calibri</vt:lpstr>
      <vt:lpstr>Calibri Light</vt:lpstr>
      <vt:lpstr>Tw Cen MT</vt:lpstr>
      <vt:lpstr>Tw Cen MT Condensed</vt:lpstr>
      <vt:lpstr>Wingdings</vt:lpstr>
      <vt:lpstr>Wingdings 2</vt:lpstr>
      <vt:lpstr>Wingdings 3</vt:lpstr>
      <vt:lpstr>HDOfficeLightV0</vt:lpstr>
      <vt:lpstr>Integraal</vt:lpstr>
      <vt:lpstr>Aanmelden en inschrijven in een basisschool in Dendermonde  voor schooljaar 2024-2025  Eerst aanmelden, dan inschrijven</vt:lpstr>
      <vt:lpstr>Even voorstellen</vt:lpstr>
      <vt:lpstr>Dezelfde LOP – afspraken   voor alle basisscholen in dendermonde</vt:lpstr>
      <vt:lpstr>divers Aanbod van scholen in Dendermonde</vt:lpstr>
      <vt:lpstr>Vrije schoolkeuze Tip ! Informeer je goed, bezoek de website van de school, maak kennis met het schoolteam, bekijk het filmpje van de school,…</vt:lpstr>
      <vt:lpstr>PowerPoint-presentatie</vt:lpstr>
      <vt:lpstr>PowerPoint-presentatie</vt:lpstr>
      <vt:lpstr>PowerPoint-presentatie</vt:lpstr>
      <vt:lpstr>PowerPoint-presentatie</vt:lpstr>
      <vt:lpstr>PowerPoint-presentatie</vt:lpstr>
      <vt:lpstr>PowerPoint-presentatie</vt:lpstr>
      <vt:lpstr>PowerPoint-presentatie</vt:lpstr>
      <vt:lpstr>Hoe kies ik een school ?</vt:lpstr>
      <vt:lpstr>PowerPoint-presentatie</vt:lpstr>
      <vt:lpstr>Specifieke Inschrijfperiode voor Voorrangsgroepen</vt:lpstr>
      <vt:lpstr>Wat is het verschil tussen aanmelden en inschrijven ?</vt:lpstr>
      <vt:lpstr>Wie meldt aan ?  Kinderen geboren in 2022 en alle andere kinderen melden aan</vt:lpstr>
      <vt:lpstr>Wat heb je nodig om aan te melden ?</vt:lpstr>
      <vt:lpstr>Aanmelden op www.naarschoolindendermonde.be </vt:lpstr>
      <vt:lpstr>Hoe Aanmelden ? Wat heb je nodig ?</vt:lpstr>
      <vt:lpstr>DIGITAAL INVULFORMULIER</vt:lpstr>
      <vt:lpstr>Bepaling van capaciteit en vrije plaatsen</vt:lpstr>
      <vt:lpstr> https://bao.naarschoolindendermonde.be/vrije-plaatsen-schooljaar-volgend-schooljaar/   </vt:lpstr>
      <vt:lpstr>Toewijzen naar een basisschool</vt:lpstr>
      <vt:lpstr>PowerPoint-presentatie</vt:lpstr>
      <vt:lpstr>Aangemeld.    Welk resultaat ?</vt:lpstr>
      <vt:lpstr>15 april 2024 Je ontvangt een email/brief  met het resultaat  van de aanmelding</vt:lpstr>
      <vt:lpstr>Elk jaar opnieuw inschrijven?</vt:lpstr>
      <vt:lpstr>Kan een school mijn kind weigeren?</vt:lpstr>
      <vt:lpstr>PowerPoint-presentatie</vt:lpstr>
      <vt:lpstr>Niet akkoord met de weigering ?</vt:lpstr>
      <vt:lpstr>Commissie inzake leerlingenrechten</vt:lpstr>
      <vt:lpstr>Waar vind je meer informatie? </vt:lpstr>
      <vt:lpstr>Hulp nodig bij aanmelden?</vt:lpstr>
      <vt:lpstr>Andere vragen ?</vt:lpstr>
      <vt:lpstr>Dankjewel voor de aandacht 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anmelden en inschrijven in een basisschool in Zele    Eerst aanmelden, dan inschrijven</dc:title>
  <dc:creator>Croene Liesbeth</dc:creator>
  <cp:lastModifiedBy>Croene Liesbeth</cp:lastModifiedBy>
  <cp:revision>17</cp:revision>
  <dcterms:created xsi:type="dcterms:W3CDTF">2021-01-28T07:56:35Z</dcterms:created>
  <dcterms:modified xsi:type="dcterms:W3CDTF">2024-01-26T16:47:06Z</dcterms:modified>
</cp:coreProperties>
</file>